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drawings/drawing4.xml" ContentType="application/vnd.openxmlformats-officedocument.drawing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drawings/drawing5.xml" ContentType="application/vnd.openxmlformats-officedocument.drawing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13_ncr:1_{EC7EAA1D-69D7-4EF3-9021-9EAF3B1D2A91}" xr6:coauthVersionLast="47" xr6:coauthVersionMax="47" xr10:uidLastSave="{00000000-0000-0000-0000-000000000000}"/>
  <bookViews>
    <workbookView xWindow="-120" yWindow="-120" windowWidth="29040" windowHeight="15720" xr2:uid="{55E18DD7-A307-4257-AF24-4EA8199C619C}"/>
  </bookViews>
  <sheets>
    <sheet name="０５０１山田南部" sheetId="1" r:id="rId1"/>
    <sheet name="０５０２山田中部" sheetId="2" r:id="rId2"/>
    <sheet name="０５０３山田西部" sheetId="3" r:id="rId3"/>
    <sheet name="０５０４山田東部" sheetId="4" r:id="rId4"/>
    <sheet name="山田地域計" sheetId="5" r:id="rId5"/>
  </sheets>
  <definedNames>
    <definedName name="_xlnm.Print_Area" localSheetId="0">'０５０１山田南部'!$A$1:$Q$167</definedName>
    <definedName name="_xlnm.Print_Area" localSheetId="1">'０５０２山田中部'!$A$1:$Q$167</definedName>
    <definedName name="_xlnm.Print_Area" localSheetId="2">'０５０３山田西部'!$A$1:$Q$167</definedName>
    <definedName name="_xlnm.Print_Area" localSheetId="3">'０５０４山田東部'!$A$1:$Q$167</definedName>
    <definedName name="_xlnm.Print_Area" localSheetId="4">山田地域計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868" uniqueCount="63">
  <si>
    <t>0501．山田南部（合計）・各年９月末住民基本台帳人口</t>
    <rPh sb="5" eb="7">
      <t>ヤマダ</t>
    </rPh>
    <rPh sb="7" eb="9">
      <t>ナン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6"/>
  </si>
  <si>
    <t>年齢</t>
  </si>
  <si>
    <t>昭和55</t>
  </si>
  <si>
    <t>平成2</t>
    <rPh sb="0" eb="2">
      <t>ヘイセイ</t>
    </rPh>
    <phoneticPr fontId="6"/>
  </si>
  <si>
    <t>令和元</t>
    <rPh sb="0" eb="2">
      <t>レイワ</t>
    </rPh>
    <rPh sb="2" eb="3">
      <t>ガン</t>
    </rPh>
    <phoneticPr fontId="6"/>
  </si>
  <si>
    <t>0～4</t>
  </si>
  <si>
    <t>-</t>
  </si>
  <si>
    <t>5～9</t>
  </si>
  <si>
    <t>10～14</t>
  </si>
  <si>
    <t>15～19</t>
  </si>
  <si>
    <t>20～24</t>
  </si>
  <si>
    <t>25～29</t>
  </si>
  <si>
    <t>30～34</t>
  </si>
  <si>
    <t>35～39</t>
  </si>
  <si>
    <t>40～44</t>
  </si>
  <si>
    <t>45～49</t>
  </si>
  <si>
    <t>50～54</t>
  </si>
  <si>
    <t>55～59</t>
  </si>
  <si>
    <t>60～64</t>
  </si>
  <si>
    <t>65～69</t>
  </si>
  <si>
    <t>70～74</t>
  </si>
  <si>
    <t>75～79</t>
  </si>
  <si>
    <t>80～84</t>
  </si>
  <si>
    <t>85～89</t>
  </si>
  <si>
    <t>90～94</t>
  </si>
  <si>
    <t>95～99</t>
  </si>
  <si>
    <t>100～</t>
  </si>
  <si>
    <t>男女計</t>
    <rPh sb="0" eb="3">
      <t>ダンジョケイ</t>
    </rPh>
    <phoneticPr fontId="6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6"/>
  </si>
  <si>
    <t>0～14歳</t>
    <rPh sb="4" eb="5">
      <t>サイ</t>
    </rPh>
    <phoneticPr fontId="6"/>
  </si>
  <si>
    <t>15～64歳</t>
    <rPh sb="5" eb="6">
      <t>サイ</t>
    </rPh>
    <phoneticPr fontId="6"/>
  </si>
  <si>
    <t>65歳以上</t>
    <rPh sb="2" eb="3">
      <t>サイ</t>
    </rPh>
    <rPh sb="3" eb="5">
      <t>イジョウ</t>
    </rPh>
    <phoneticPr fontId="6"/>
  </si>
  <si>
    <t>計</t>
    <rPh sb="0" eb="1">
      <t>ケイ</t>
    </rPh>
    <phoneticPr fontId="6"/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6"/>
  </si>
  <si>
    <t>※　割合は四捨五入してあるので、加えても100にならないことがある。</t>
    <rPh sb="2" eb="4">
      <t>ワリアイ</t>
    </rPh>
    <rPh sb="5" eb="9">
      <t>シシャゴニュウ</t>
    </rPh>
    <rPh sb="16" eb="17">
      <t>クワ</t>
    </rPh>
    <phoneticPr fontId="6"/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6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6"/>
  </si>
  <si>
    <t>0501．山田南部(男）</t>
    <rPh sb="10" eb="11">
      <t>オトコ</t>
    </rPh>
    <phoneticPr fontId="6"/>
  </si>
  <si>
    <t>男計</t>
    <rPh sb="0" eb="1">
      <t>オトコ</t>
    </rPh>
    <rPh sb="1" eb="2">
      <t>ケイ</t>
    </rPh>
    <phoneticPr fontId="6"/>
  </si>
  <si>
    <t>0501．山田南部(女）</t>
    <rPh sb="10" eb="11">
      <t>オンナ</t>
    </rPh>
    <phoneticPr fontId="6"/>
  </si>
  <si>
    <t>女計</t>
    <rPh sb="0" eb="1">
      <t>オンナ</t>
    </rPh>
    <rPh sb="1" eb="2">
      <t>ケイ</t>
    </rPh>
    <phoneticPr fontId="6"/>
  </si>
  <si>
    <t>0502．山田中部（合計）・各年９月末住民基本台帳人口</t>
    <rPh sb="5" eb="7">
      <t>ヤマダ</t>
    </rPh>
    <rPh sb="7" eb="9">
      <t>チュウ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6"/>
  </si>
  <si>
    <t>0502．山田中部(男）</t>
    <rPh sb="10" eb="11">
      <t>オトコ</t>
    </rPh>
    <phoneticPr fontId="6"/>
  </si>
  <si>
    <t>0502．山田中部(女）</t>
    <rPh sb="10" eb="11">
      <t>オンナ</t>
    </rPh>
    <phoneticPr fontId="6"/>
  </si>
  <si>
    <t>0503．山田西部（合計）・各年９月末住民基本台帳人口</t>
    <rPh sb="5" eb="7">
      <t>ヤマダ</t>
    </rPh>
    <rPh sb="7" eb="9">
      <t>セイ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6"/>
  </si>
  <si>
    <t>年齢３区分別人口割合の年次推移</t>
  </si>
  <si>
    <t>0503．山田西部(男）</t>
    <rPh sb="10" eb="11">
      <t>オトコ</t>
    </rPh>
    <phoneticPr fontId="6"/>
  </si>
  <si>
    <t>0503．山田西部(女）</t>
    <rPh sb="10" eb="11">
      <t>オンナ</t>
    </rPh>
    <phoneticPr fontId="6"/>
  </si>
  <si>
    <t>0504．山田東部（合計）・各年９月末住民基本台帳人口</t>
    <rPh sb="5" eb="7">
      <t>ヤマダ</t>
    </rPh>
    <rPh sb="7" eb="9">
      <t>トウ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6"/>
  </si>
  <si>
    <t>0504．山田東部(男）</t>
    <rPh sb="10" eb="11">
      <t>オトコ</t>
    </rPh>
    <phoneticPr fontId="6"/>
  </si>
  <si>
    <t>0504．山田東部(女）</t>
    <rPh sb="10" eb="11">
      <t>オンナ</t>
    </rPh>
    <phoneticPr fontId="6"/>
  </si>
  <si>
    <t>山田地域（合計）・各年９月末住民基本台帳人口</t>
    <rPh sb="0" eb="2">
      <t>ヤマダ</t>
    </rPh>
    <rPh sb="2" eb="4">
      <t>チイキ</t>
    </rPh>
    <rPh sb="5" eb="7">
      <t>ゴウケイ</t>
    </rPh>
    <rPh sb="9" eb="11">
      <t>カクネン</t>
    </rPh>
    <rPh sb="12" eb="13">
      <t>ガツ</t>
    </rPh>
    <rPh sb="13" eb="14">
      <t>マツ</t>
    </rPh>
    <rPh sb="14" eb="16">
      <t>ジュウミン</t>
    </rPh>
    <rPh sb="16" eb="18">
      <t>キホン</t>
    </rPh>
    <rPh sb="18" eb="20">
      <t>ダイチョウ</t>
    </rPh>
    <rPh sb="20" eb="22">
      <t>ジンコウ</t>
    </rPh>
    <phoneticPr fontId="6"/>
  </si>
  <si>
    <t>山田地域(男）</t>
    <rPh sb="2" eb="4">
      <t>チイキ</t>
    </rPh>
    <phoneticPr fontId="6"/>
  </si>
  <si>
    <t>男計</t>
    <rPh sb="0" eb="1">
      <t>オトコ</t>
    </rPh>
    <phoneticPr fontId="6"/>
  </si>
  <si>
    <t>0～14歳</t>
  </si>
  <si>
    <t>15～64歳</t>
  </si>
  <si>
    <t>65歳以上</t>
  </si>
  <si>
    <t>計</t>
  </si>
  <si>
    <t>※　割合は四捨五入してあるので、加えても100にならないことがある。</t>
  </si>
  <si>
    <t>山田地域(女）</t>
    <rPh sb="2" eb="4">
      <t>チイキ</t>
    </rPh>
    <phoneticPr fontId="6"/>
  </si>
  <si>
    <t>女計</t>
    <rPh sb="0" eb="1">
      <t>オンナ</t>
    </rPh>
    <phoneticPr fontId="6"/>
  </si>
  <si>
    <t>×</t>
  </si>
  <si>
    <t>×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"/>
  </numFmts>
  <fonts count="10" x14ac:knownFonts="1">
    <font>
      <sz val="11"/>
      <name val="ＭＳ 明朝"/>
      <family val="1"/>
    </font>
    <font>
      <sz val="11"/>
      <name val="ＭＳ 明朝"/>
      <family val="1"/>
    </font>
    <font>
      <sz val="18"/>
      <name val="BIZ UDゴシック"/>
      <family val="3"/>
    </font>
    <font>
      <sz val="6"/>
      <name val="ＭＳ Ｐ明朝"/>
      <family val="1"/>
      <charset val="128"/>
    </font>
    <font>
      <sz val="11"/>
      <name val="BIZ UDゴシック"/>
      <family val="3"/>
    </font>
    <font>
      <sz val="20"/>
      <name val="BIZ UDゴシック"/>
      <family val="3"/>
    </font>
    <font>
      <sz val="6"/>
      <name val="ＭＳ 明朝"/>
      <family val="1"/>
    </font>
    <font>
      <sz val="16"/>
      <name val="BIZ UDゴシック"/>
      <family val="3"/>
    </font>
    <font>
      <sz val="14"/>
      <name val="BIZ UDゴシック"/>
      <family val="3"/>
    </font>
    <font>
      <sz val="12"/>
      <name val="BIZ UDゴシック"/>
      <family val="3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4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/>
    <xf numFmtId="0" fontId="5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38" fontId="2" fillId="2" borderId="1" xfId="1" applyFont="1" applyFill="1" applyBorder="1" applyAlignment="1">
      <alignment horizontal="center" vertical="center"/>
    </xf>
    <xf numFmtId="38" fontId="2" fillId="2" borderId="1" xfId="1" applyFont="1" applyFill="1" applyBorder="1" applyAlignment="1">
      <alignment horizontal="right" vertical="center"/>
    </xf>
    <xf numFmtId="0" fontId="2" fillId="3" borderId="1" xfId="0" applyFont="1" applyFill="1" applyBorder="1" applyAlignment="1">
      <alignment horizontal="center" vertical="center"/>
    </xf>
    <xf numFmtId="38" fontId="2" fillId="3" borderId="1" xfId="1" applyFont="1" applyFill="1" applyBorder="1" applyAlignment="1">
      <alignment horizontal="center" vertical="center"/>
    </xf>
    <xf numFmtId="38" fontId="2" fillId="3" borderId="1" xfId="1" applyFont="1" applyFill="1" applyBorder="1" applyAlignment="1">
      <alignment horizontal="right" vertical="center"/>
    </xf>
    <xf numFmtId="0" fontId="2" fillId="4" borderId="1" xfId="0" applyFont="1" applyFill="1" applyBorder="1" applyAlignment="1">
      <alignment horizontal="center" vertical="center"/>
    </xf>
    <xf numFmtId="38" fontId="2" fillId="4" borderId="1" xfId="1" applyFont="1" applyFill="1" applyBorder="1" applyAlignment="1">
      <alignment horizontal="center" vertical="center"/>
    </xf>
    <xf numFmtId="38" fontId="2" fillId="4" borderId="1" xfId="1" applyFont="1" applyFill="1" applyBorder="1" applyAlignment="1">
      <alignment horizontal="right" vertical="center"/>
    </xf>
    <xf numFmtId="38" fontId="2" fillId="0" borderId="1" xfId="1" applyFont="1" applyBorder="1" applyAlignment="1">
      <alignment horizontal="center" vertical="center"/>
    </xf>
    <xf numFmtId="38" fontId="2" fillId="0" borderId="1" xfId="1" applyFont="1" applyBorder="1" applyAlignment="1">
      <alignment horizontal="right" vertical="center"/>
    </xf>
    <xf numFmtId="0" fontId="7" fillId="0" borderId="0" xfId="0" applyFont="1"/>
    <xf numFmtId="38" fontId="5" fillId="0" borderId="0" xfId="0" applyNumberFormat="1" applyFont="1" applyAlignment="1">
      <alignment vertical="center"/>
    </xf>
    <xf numFmtId="38" fontId="2" fillId="2" borderId="1" xfId="1" applyFont="1" applyFill="1" applyBorder="1" applyAlignment="1">
      <alignment vertical="center"/>
    </xf>
    <xf numFmtId="38" fontId="2" fillId="3" borderId="1" xfId="1" applyFont="1" applyFill="1" applyBorder="1" applyAlignment="1">
      <alignment vertical="center"/>
    </xf>
    <xf numFmtId="38" fontId="2" fillId="4" borderId="1" xfId="1" applyFont="1" applyFill="1" applyBorder="1" applyAlignment="1">
      <alignment vertical="center"/>
    </xf>
    <xf numFmtId="38" fontId="2" fillId="0" borderId="1" xfId="1" applyFont="1" applyBorder="1" applyAlignment="1">
      <alignment vertical="center"/>
    </xf>
    <xf numFmtId="0" fontId="7" fillId="0" borderId="2" xfId="0" applyFont="1" applyBorder="1" applyAlignment="1">
      <alignment horizontal="center" vertical="center"/>
    </xf>
    <xf numFmtId="38" fontId="7" fillId="0" borderId="2" xfId="1" applyFont="1" applyBorder="1" applyAlignment="1">
      <alignment horizontal="right" vertical="center"/>
    </xf>
    <xf numFmtId="38" fontId="7" fillId="0" borderId="0" xfId="1" applyFont="1" applyBorder="1" applyAlignment="1">
      <alignment horizontal="right" vertical="center"/>
    </xf>
    <xf numFmtId="0" fontId="7" fillId="0" borderId="0" xfId="0" applyFont="1" applyAlignment="1">
      <alignment horizontal="center" vertical="center"/>
    </xf>
    <xf numFmtId="0" fontId="5" fillId="0" borderId="3" xfId="0" applyFont="1" applyBorder="1" applyAlignment="1">
      <alignment horizontal="left" vertical="center"/>
    </xf>
    <xf numFmtId="3" fontId="5" fillId="0" borderId="3" xfId="1" applyNumberFormat="1" applyFont="1" applyBorder="1" applyAlignment="1">
      <alignment vertical="center"/>
    </xf>
    <xf numFmtId="3" fontId="5" fillId="0" borderId="0" xfId="1" applyNumberFormat="1" applyFont="1" applyBorder="1" applyAlignment="1">
      <alignment vertical="center"/>
    </xf>
    <xf numFmtId="176" fontId="2" fillId="2" borderId="1" xfId="0" applyNumberFormat="1" applyFont="1" applyFill="1" applyBorder="1" applyAlignment="1">
      <alignment horizontal="center" vertical="center"/>
    </xf>
    <xf numFmtId="176" fontId="2" fillId="2" borderId="1" xfId="0" applyNumberFormat="1" applyFont="1" applyFill="1" applyBorder="1" applyAlignment="1">
      <alignment vertical="center"/>
    </xf>
    <xf numFmtId="176" fontId="2" fillId="3" borderId="1" xfId="0" applyNumberFormat="1" applyFont="1" applyFill="1" applyBorder="1" applyAlignment="1">
      <alignment horizontal="center" vertical="center"/>
    </xf>
    <xf numFmtId="176" fontId="2" fillId="3" borderId="1" xfId="0" applyNumberFormat="1" applyFont="1" applyFill="1" applyBorder="1" applyAlignment="1">
      <alignment vertical="center"/>
    </xf>
    <xf numFmtId="176" fontId="2" fillId="4" borderId="1" xfId="0" applyNumberFormat="1" applyFont="1" applyFill="1" applyBorder="1" applyAlignment="1">
      <alignment horizontal="center" vertical="center"/>
    </xf>
    <xf numFmtId="176" fontId="2" fillId="4" borderId="1" xfId="0" applyNumberFormat="1" applyFont="1" applyFill="1" applyBorder="1" applyAlignment="1">
      <alignment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2" fillId="0" borderId="0" xfId="0" applyFont="1"/>
    <xf numFmtId="0" fontId="2" fillId="0" borderId="0" xfId="0" applyFont="1" applyAlignment="1">
      <alignment horizontal="center" vertical="center"/>
    </xf>
    <xf numFmtId="176" fontId="2" fillId="2" borderId="1" xfId="0" applyNumberFormat="1" applyFont="1" applyFill="1" applyBorder="1" applyAlignment="1">
      <alignment horizontal="right" vertical="center"/>
    </xf>
    <xf numFmtId="176" fontId="2" fillId="3" borderId="1" xfId="0" applyNumberFormat="1" applyFont="1" applyFill="1" applyBorder="1" applyAlignment="1">
      <alignment horizontal="right" vertical="center"/>
    </xf>
    <xf numFmtId="176" fontId="2" fillId="4" borderId="1" xfId="0" applyNumberFormat="1" applyFont="1" applyFill="1" applyBorder="1" applyAlignment="1">
      <alignment horizontal="right" vertical="center"/>
    </xf>
    <xf numFmtId="38" fontId="7" fillId="0" borderId="0" xfId="0" applyNumberFormat="1" applyFont="1" applyAlignment="1">
      <alignment vertical="center"/>
    </xf>
    <xf numFmtId="0" fontId="7" fillId="0" borderId="2" xfId="0" applyFont="1" applyBorder="1" applyAlignment="1">
      <alignment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4" fillId="0" borderId="0" xfId="0" applyFont="1" applyBorder="1"/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7.5491248046495305E-2"/>
          <c:y val="2.8985541432600008E-2"/>
          <c:w val="0.87797355604759608"/>
          <c:h val="0.91304455512690019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５０１山田南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１山田南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5</c:v>
                </c:pt>
                <c:pt idx="6">
                  <c:v>13</c:v>
                </c:pt>
                <c:pt idx="7">
                  <c:v>6</c:v>
                </c:pt>
                <c:pt idx="8">
                  <c:v>5</c:v>
                </c:pt>
                <c:pt idx="9">
                  <c:v>5</c:v>
                </c:pt>
                <c:pt idx="10">
                  <c:v>4</c:v>
                </c:pt>
                <c:pt idx="11">
                  <c:v>4</c:v>
                </c:pt>
                <c:pt idx="12">
                  <c:v>3</c:v>
                </c:pt>
                <c:pt idx="13">
                  <c:v>3</c:v>
                </c:pt>
                <c:pt idx="14">
                  <c:v>3</c:v>
                </c:pt>
                <c:pt idx="15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D0F-4029-A91D-A715B20FDD27}"/>
            </c:ext>
          </c:extLst>
        </c:ser>
        <c:ser>
          <c:idx val="3"/>
          <c:order val="2"/>
          <c:tx>
            <c:strRef>
              <c:f>'０５０１山田南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１山田南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</c:v>
                </c:pt>
                <c:pt idx="6">
                  <c:v>15</c:v>
                </c:pt>
                <c:pt idx="7">
                  <c:v>10</c:v>
                </c:pt>
                <c:pt idx="8">
                  <c:v>9</c:v>
                </c:pt>
                <c:pt idx="9">
                  <c:v>9</c:v>
                </c:pt>
                <c:pt idx="10">
                  <c:v>7</c:v>
                </c:pt>
                <c:pt idx="11">
                  <c:v>7</c:v>
                </c:pt>
                <c:pt idx="12">
                  <c:v>7</c:v>
                </c:pt>
                <c:pt idx="13">
                  <c:v>7</c:v>
                </c:pt>
                <c:pt idx="14">
                  <c:v>7</c:v>
                </c:pt>
                <c:pt idx="15">
                  <c:v>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D0F-4029-A91D-A715B20FDD27}"/>
            </c:ext>
          </c:extLst>
        </c:ser>
        <c:ser>
          <c:idx val="1"/>
          <c:order val="3"/>
          <c:tx>
            <c:strRef>
              <c:f>'０５０１山田南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１山田南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D0F-4029-A91D-A715B20FDD2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1"/>
        <c:axId val="2"/>
      </c:barChart>
      <c:lineChart>
        <c:grouping val="standard"/>
        <c:varyColors val="0"/>
        <c:ser>
          <c:idx val="0"/>
          <c:order val="0"/>
          <c:tx>
            <c:strRef>
              <c:f>'０５０１山田南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 w="12700"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6D0F-4029-A91D-A715B20FDD27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6D0F-4029-A91D-A715B20FDD27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6D0F-4029-A91D-A715B20FDD27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6D0F-4029-A91D-A715B20FDD27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6D0F-4029-A91D-A715B20FDD27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6D0F-4029-A91D-A715B20FDD27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6D0F-4029-A91D-A715B20FDD27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 w="12700"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6D0F-4029-A91D-A715B20FDD27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6D0F-4029-A91D-A715B20FDD27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6D0F-4029-A91D-A715B20FDD27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6D0F-4029-A91D-A715B20FDD27}"/>
              </c:ext>
            </c:extLst>
          </c:dPt>
          <c:cat>
            <c:strRef>
              <c:f>'０５０１山田南部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</c:strCache>
            </c:strRef>
          </c:cat>
          <c:val>
            <c:numRef>
              <c:f>'０５０１山田南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3</c:v>
                </c:pt>
                <c:pt idx="6">
                  <c:v>28</c:v>
                </c:pt>
                <c:pt idx="7">
                  <c:v>16</c:v>
                </c:pt>
                <c:pt idx="8">
                  <c:v>14</c:v>
                </c:pt>
                <c:pt idx="9">
                  <c:v>14</c:v>
                </c:pt>
                <c:pt idx="10">
                  <c:v>11</c:v>
                </c:pt>
                <c:pt idx="11">
                  <c:v>11</c:v>
                </c:pt>
                <c:pt idx="12">
                  <c:v>10</c:v>
                </c:pt>
                <c:pt idx="13">
                  <c:v>10</c:v>
                </c:pt>
                <c:pt idx="14">
                  <c:v>10</c:v>
                </c:pt>
                <c:pt idx="15">
                  <c:v>1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6D0F-4029-A91D-A715B20FDD2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"/>
        <c:axId val="2"/>
      </c:line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vert="wordArtVertRtl"/>
              <a:lstStyle/>
              <a:p>
                <a:pPr algn="ctr" rtl="0">
                  <a:defRPr/>
                </a:pPr>
                <a:r>
                  <a:rPr lang="ja-JP"/>
                  <a:t>人</a:t>
                </a:r>
              </a:p>
            </c:rich>
          </c:tx>
          <c:layout>
            <c:manualLayout>
              <c:xMode val="edge"/>
              <c:yMode val="edge"/>
              <c:x val="1.1375345758547858E-2"/>
              <c:y val="6.03870364579878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750845754290876"/>
          <c:y val="0.18491527777777778"/>
          <c:w val="0.12102122854561879"/>
          <c:h val="9.1787566409271326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 algn="l" rtl="0">
            <a:defRPr/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extLst/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2089552238805971E-2"/>
          <c:y val="3.1363106530780289E-2"/>
          <c:w val="0.90298507462686572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山田地域計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山田地域計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11</c:v>
                </c:pt>
                <c:pt idx="6">
                  <c:v>197</c:v>
                </c:pt>
                <c:pt idx="7">
                  <c:v>189</c:v>
                </c:pt>
                <c:pt idx="8">
                  <c:v>154</c:v>
                </c:pt>
                <c:pt idx="9">
                  <c:v>141</c:v>
                </c:pt>
                <c:pt idx="10">
                  <c:v>132</c:v>
                </c:pt>
                <c:pt idx="11">
                  <c:v>126</c:v>
                </c:pt>
                <c:pt idx="12">
                  <c:v>114</c:v>
                </c:pt>
                <c:pt idx="13">
                  <c:v>106</c:v>
                </c:pt>
                <c:pt idx="14">
                  <c:v>96</c:v>
                </c:pt>
                <c:pt idx="15">
                  <c:v>7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AB1-41D8-917E-11AA7EB77760}"/>
            </c:ext>
          </c:extLst>
        </c:ser>
        <c:ser>
          <c:idx val="0"/>
          <c:order val="1"/>
          <c:tx>
            <c:strRef>
              <c:f>山田地域計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山田地域計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77</c:v>
                </c:pt>
                <c:pt idx="6">
                  <c:v>1061</c:v>
                </c:pt>
                <c:pt idx="7">
                  <c:v>863</c:v>
                </c:pt>
                <c:pt idx="8">
                  <c:v>764</c:v>
                </c:pt>
                <c:pt idx="9">
                  <c:v>721</c:v>
                </c:pt>
                <c:pt idx="10">
                  <c:v>704</c:v>
                </c:pt>
                <c:pt idx="11">
                  <c:v>676</c:v>
                </c:pt>
                <c:pt idx="12">
                  <c:v>640</c:v>
                </c:pt>
                <c:pt idx="13">
                  <c:v>615</c:v>
                </c:pt>
                <c:pt idx="14">
                  <c:v>600</c:v>
                </c:pt>
                <c:pt idx="15">
                  <c:v>57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AB1-41D8-917E-11AA7EB77760}"/>
            </c:ext>
          </c:extLst>
        </c:ser>
        <c:ser>
          <c:idx val="2"/>
          <c:order val="2"/>
          <c:tx>
            <c:strRef>
              <c:f>山田地域計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山田地域計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84</c:v>
                </c:pt>
                <c:pt idx="6">
                  <c:v>474</c:v>
                </c:pt>
                <c:pt idx="7">
                  <c:v>516</c:v>
                </c:pt>
                <c:pt idx="8">
                  <c:v>533</c:v>
                </c:pt>
                <c:pt idx="9">
                  <c:v>536</c:v>
                </c:pt>
                <c:pt idx="10">
                  <c:v>533</c:v>
                </c:pt>
                <c:pt idx="11">
                  <c:v>544</c:v>
                </c:pt>
                <c:pt idx="12">
                  <c:v>536</c:v>
                </c:pt>
                <c:pt idx="13">
                  <c:v>555</c:v>
                </c:pt>
                <c:pt idx="14">
                  <c:v>534</c:v>
                </c:pt>
                <c:pt idx="15">
                  <c:v>52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AB1-41D8-917E-11AA7EB7776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1"/>
        <c:axId val="2"/>
      </c:bar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extLst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2265043095038626E-2"/>
          <c:y val="3.3939434113913487E-2"/>
          <c:w val="0.8974368337640577"/>
          <c:h val="0.9054556172533347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５０１山田南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１山田南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63C-459A-9DFC-BACDE0457EE3}"/>
            </c:ext>
          </c:extLst>
        </c:ser>
        <c:ser>
          <c:idx val="0"/>
          <c:order val="1"/>
          <c:tx>
            <c:strRef>
              <c:f>'０５０１山田南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１山田南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4</c:v>
                </c:pt>
                <c:pt idx="6">
                  <c:v>12</c:v>
                </c:pt>
                <c:pt idx="7">
                  <c:v>6</c:v>
                </c:pt>
                <c:pt idx="8">
                  <c:v>6</c:v>
                </c:pt>
                <c:pt idx="9">
                  <c:v>6</c:v>
                </c:pt>
                <c:pt idx="10">
                  <c:v>5</c:v>
                </c:pt>
                <c:pt idx="11">
                  <c:v>5</c:v>
                </c:pt>
                <c:pt idx="12">
                  <c:v>5</c:v>
                </c:pt>
                <c:pt idx="13">
                  <c:v>5</c:v>
                </c:pt>
                <c:pt idx="14">
                  <c:v>5</c:v>
                </c:pt>
                <c:pt idx="15">
                  <c:v>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63C-459A-9DFC-BACDE0457EE3}"/>
            </c:ext>
          </c:extLst>
        </c:ser>
        <c:ser>
          <c:idx val="2"/>
          <c:order val="2"/>
          <c:tx>
            <c:strRef>
              <c:f>'０５０１山田南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１山田南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</c:v>
                </c:pt>
                <c:pt idx="6">
                  <c:v>15</c:v>
                </c:pt>
                <c:pt idx="7">
                  <c:v>9</c:v>
                </c:pt>
                <c:pt idx="8">
                  <c:v>7</c:v>
                </c:pt>
                <c:pt idx="9">
                  <c:v>8</c:v>
                </c:pt>
                <c:pt idx="10">
                  <c:v>6</c:v>
                </c:pt>
                <c:pt idx="11">
                  <c:v>6</c:v>
                </c:pt>
                <c:pt idx="12">
                  <c:v>5</c:v>
                </c:pt>
                <c:pt idx="13">
                  <c:v>5</c:v>
                </c:pt>
                <c:pt idx="14">
                  <c:v>5</c:v>
                </c:pt>
                <c:pt idx="15">
                  <c:v>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63C-459A-9DFC-BACDE0457E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1"/>
        <c:axId val="2"/>
      </c:bar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orientation="landscape"/>
  </c:printSettings>
  <c:extLst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60924913896789"/>
          <c:y val="2.9020556227327691E-2"/>
          <c:w val="0.85924413818571621"/>
          <c:h val="0.91293833131801694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５０２山田中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２山田中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98</c:v>
                </c:pt>
                <c:pt idx="6">
                  <c:v>546</c:v>
                </c:pt>
                <c:pt idx="7">
                  <c:v>500</c:v>
                </c:pt>
                <c:pt idx="8">
                  <c:v>465</c:v>
                </c:pt>
                <c:pt idx="9">
                  <c:v>446</c:v>
                </c:pt>
                <c:pt idx="10">
                  <c:v>431</c:v>
                </c:pt>
                <c:pt idx="11">
                  <c:v>430</c:v>
                </c:pt>
                <c:pt idx="12">
                  <c:v>410</c:v>
                </c:pt>
                <c:pt idx="13">
                  <c:v>401</c:v>
                </c:pt>
                <c:pt idx="14">
                  <c:v>388</c:v>
                </c:pt>
                <c:pt idx="15">
                  <c:v>37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226-4F9B-B149-BC8F3CBC5806}"/>
            </c:ext>
          </c:extLst>
        </c:ser>
        <c:ser>
          <c:idx val="3"/>
          <c:order val="2"/>
          <c:tx>
            <c:strRef>
              <c:f>'０５０２山田中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２山田中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52</c:v>
                </c:pt>
                <c:pt idx="6">
                  <c:v>598</c:v>
                </c:pt>
                <c:pt idx="7">
                  <c:v>549</c:v>
                </c:pt>
                <c:pt idx="8">
                  <c:v>501</c:v>
                </c:pt>
                <c:pt idx="9">
                  <c:v>487</c:v>
                </c:pt>
                <c:pt idx="10">
                  <c:v>478</c:v>
                </c:pt>
                <c:pt idx="11">
                  <c:v>464</c:v>
                </c:pt>
                <c:pt idx="12">
                  <c:v>443</c:v>
                </c:pt>
                <c:pt idx="13">
                  <c:v>439</c:v>
                </c:pt>
                <c:pt idx="14">
                  <c:v>421</c:v>
                </c:pt>
                <c:pt idx="15">
                  <c:v>39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226-4F9B-B149-BC8F3CBC5806}"/>
            </c:ext>
          </c:extLst>
        </c:ser>
        <c:ser>
          <c:idx val="1"/>
          <c:order val="3"/>
          <c:tx>
            <c:strRef>
              <c:f>'０５０２山田中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２山田中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226-4F9B-B149-BC8F3CBC58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1"/>
        <c:axId val="2"/>
      </c:barChart>
      <c:lineChart>
        <c:grouping val="standard"/>
        <c:varyColors val="0"/>
        <c:ser>
          <c:idx val="0"/>
          <c:order val="0"/>
          <c:tx>
            <c:strRef>
              <c:f>'０５０２山田中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 w="15875"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D226-4F9B-B149-BC8F3CBC5806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D226-4F9B-B149-BC8F3CBC5806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D226-4F9B-B149-BC8F3CBC5806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D226-4F9B-B149-BC8F3CBC5806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D226-4F9B-B149-BC8F3CBC5806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D226-4F9B-B149-BC8F3CBC5806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D226-4F9B-B149-BC8F3CBC5806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 w="15875"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D226-4F9B-B149-BC8F3CBC5806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D226-4F9B-B149-BC8F3CBC5806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D226-4F9B-B149-BC8F3CBC5806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D226-4F9B-B149-BC8F3CBC5806}"/>
              </c:ext>
            </c:extLst>
          </c:dPt>
          <c:cat>
            <c:strRef>
              <c:f>'０５０２山田中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２山田中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50</c:v>
                </c:pt>
                <c:pt idx="6">
                  <c:v>1144</c:v>
                </c:pt>
                <c:pt idx="7">
                  <c:v>1049</c:v>
                </c:pt>
                <c:pt idx="8">
                  <c:v>966</c:v>
                </c:pt>
                <c:pt idx="9">
                  <c:v>933</c:v>
                </c:pt>
                <c:pt idx="10">
                  <c:v>909</c:v>
                </c:pt>
                <c:pt idx="11">
                  <c:v>894</c:v>
                </c:pt>
                <c:pt idx="12">
                  <c:v>853</c:v>
                </c:pt>
                <c:pt idx="13">
                  <c:v>840</c:v>
                </c:pt>
                <c:pt idx="14">
                  <c:v>809</c:v>
                </c:pt>
                <c:pt idx="15">
                  <c:v>77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D226-4F9B-B149-BC8F3CBC58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"/>
        <c:axId val="2"/>
      </c:line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/>
              <a:lstStyle/>
              <a:p>
                <a:pPr algn="ctr" rtl="0">
                  <a:defRPr/>
                </a:pPr>
                <a:r>
                  <a:rPr lang="ja-JP"/>
                  <a:t>人</a:t>
                </a:r>
              </a:p>
            </c:rich>
          </c:tx>
          <c:layout>
            <c:manualLayout>
              <c:xMode val="edge"/>
              <c:yMode val="edge"/>
              <c:x val="6.3025267275637897E-3"/>
              <c:y val="6.0458860552878649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4729922175450383"/>
          <c:y val="0.17961470770929672"/>
          <c:w val="0.12577080209605809"/>
          <c:h val="9.1898428053204362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 algn="l" rtl="0">
            <a:defRPr/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extLst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1914936167582372E-2"/>
          <c:y val="3.143893591293833E-2"/>
          <c:w val="0.90319195852308354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５０２山田中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２山田中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4</c:v>
                </c:pt>
                <c:pt idx="6">
                  <c:v>153</c:v>
                </c:pt>
                <c:pt idx="7">
                  <c:v>135</c:v>
                </c:pt>
                <c:pt idx="8">
                  <c:v>107</c:v>
                </c:pt>
                <c:pt idx="9">
                  <c:v>96</c:v>
                </c:pt>
                <c:pt idx="10">
                  <c:v>90</c:v>
                </c:pt>
                <c:pt idx="11">
                  <c:v>86</c:v>
                </c:pt>
                <c:pt idx="12">
                  <c:v>79</c:v>
                </c:pt>
                <c:pt idx="13">
                  <c:v>76</c:v>
                </c:pt>
                <c:pt idx="14">
                  <c:v>67</c:v>
                </c:pt>
                <c:pt idx="15">
                  <c:v>5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52A-498F-A4AD-9A4E86C1F760}"/>
            </c:ext>
          </c:extLst>
        </c:ser>
        <c:ser>
          <c:idx val="0"/>
          <c:order val="1"/>
          <c:tx>
            <c:strRef>
              <c:f>'０５０２山田中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２山田中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79</c:v>
                </c:pt>
                <c:pt idx="6">
                  <c:v>691</c:v>
                </c:pt>
                <c:pt idx="7">
                  <c:v>578</c:v>
                </c:pt>
                <c:pt idx="8">
                  <c:v>508</c:v>
                </c:pt>
                <c:pt idx="9">
                  <c:v>483</c:v>
                </c:pt>
                <c:pt idx="10">
                  <c:v>466</c:v>
                </c:pt>
                <c:pt idx="11">
                  <c:v>448</c:v>
                </c:pt>
                <c:pt idx="12">
                  <c:v>417</c:v>
                </c:pt>
                <c:pt idx="13">
                  <c:v>396</c:v>
                </c:pt>
                <c:pt idx="14">
                  <c:v>388</c:v>
                </c:pt>
                <c:pt idx="15">
                  <c:v>37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52A-498F-A4AD-9A4E86C1F760}"/>
            </c:ext>
          </c:extLst>
        </c:ser>
        <c:ser>
          <c:idx val="2"/>
          <c:order val="2"/>
          <c:tx>
            <c:strRef>
              <c:f>'０５０２山田中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２山田中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97</c:v>
                </c:pt>
                <c:pt idx="6">
                  <c:v>300</c:v>
                </c:pt>
                <c:pt idx="7">
                  <c:v>336</c:v>
                </c:pt>
                <c:pt idx="8">
                  <c:v>351</c:v>
                </c:pt>
                <c:pt idx="9">
                  <c:v>354</c:v>
                </c:pt>
                <c:pt idx="10">
                  <c:v>353</c:v>
                </c:pt>
                <c:pt idx="11">
                  <c:v>360</c:v>
                </c:pt>
                <c:pt idx="12">
                  <c:v>357</c:v>
                </c:pt>
                <c:pt idx="13">
                  <c:v>368</c:v>
                </c:pt>
                <c:pt idx="14">
                  <c:v>354</c:v>
                </c:pt>
                <c:pt idx="15">
                  <c:v>3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52A-498F-A4AD-9A4E86C1F76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1"/>
        <c:axId val="2"/>
      </c:bar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orientation="landscape"/>
  </c:printSettings>
  <c:extLst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"/>
          <c:y val="3.0266361717308635E-2"/>
          <c:w val="0.86631578947368426"/>
          <c:h val="0.9140441238627207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５０３山田西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３山田西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3</c:v>
                </c:pt>
                <c:pt idx="6">
                  <c:v>112</c:v>
                </c:pt>
                <c:pt idx="7">
                  <c:v>102</c:v>
                </c:pt>
                <c:pt idx="8">
                  <c:v>93</c:v>
                </c:pt>
                <c:pt idx="9">
                  <c:v>88</c:v>
                </c:pt>
                <c:pt idx="10">
                  <c:v>87</c:v>
                </c:pt>
                <c:pt idx="11">
                  <c:v>85</c:v>
                </c:pt>
                <c:pt idx="12">
                  <c:v>83</c:v>
                </c:pt>
                <c:pt idx="13">
                  <c:v>82</c:v>
                </c:pt>
                <c:pt idx="14">
                  <c:v>79</c:v>
                </c:pt>
                <c:pt idx="15">
                  <c:v>7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CA3-4122-856D-B393373512D7}"/>
            </c:ext>
          </c:extLst>
        </c:ser>
        <c:ser>
          <c:idx val="3"/>
          <c:order val="2"/>
          <c:tx>
            <c:strRef>
              <c:f>'０５０３山田西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３山田西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1</c:v>
                </c:pt>
                <c:pt idx="6">
                  <c:v>106</c:v>
                </c:pt>
                <c:pt idx="7">
                  <c:v>93</c:v>
                </c:pt>
                <c:pt idx="8">
                  <c:v>83</c:v>
                </c:pt>
                <c:pt idx="9">
                  <c:v>80</c:v>
                </c:pt>
                <c:pt idx="10">
                  <c:v>81</c:v>
                </c:pt>
                <c:pt idx="11">
                  <c:v>80</c:v>
                </c:pt>
                <c:pt idx="12">
                  <c:v>77</c:v>
                </c:pt>
                <c:pt idx="13">
                  <c:v>78</c:v>
                </c:pt>
                <c:pt idx="14">
                  <c:v>75</c:v>
                </c:pt>
                <c:pt idx="15">
                  <c:v>7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CA3-4122-856D-B393373512D7}"/>
            </c:ext>
          </c:extLst>
        </c:ser>
        <c:ser>
          <c:idx val="1"/>
          <c:order val="3"/>
          <c:tx>
            <c:strRef>
              <c:f>'０５０３山田西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３山田西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BCA3-4122-856D-B393373512D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1"/>
        <c:axId val="2"/>
      </c:barChart>
      <c:lineChart>
        <c:grouping val="standard"/>
        <c:varyColors val="0"/>
        <c:ser>
          <c:idx val="0"/>
          <c:order val="0"/>
          <c:tx>
            <c:strRef>
              <c:f>'０５０３山田西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BCA3-4122-856D-B393373512D7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BCA3-4122-856D-B393373512D7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BCA3-4122-856D-B393373512D7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BCA3-4122-856D-B393373512D7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BCA3-4122-856D-B393373512D7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BCA3-4122-856D-B393373512D7}"/>
              </c:ext>
            </c:extLst>
          </c:dPt>
          <c:dPt>
            <c:idx val="6"/>
            <c:marker>
              <c:spPr>
                <a:solidFill>
                  <a:srgbClr val="00000C"/>
                </a:solidFill>
                <a:ln>
                  <a:solidFill>
                    <a:srgbClr val="000000"/>
                  </a:solidFill>
                  <a:prstDash val="solid"/>
                </a:ln>
              </c:spPr>
            </c:marker>
            <c:bubble3D val="0"/>
            <c:extLst>
              <c:ext xmlns:c16="http://schemas.microsoft.com/office/drawing/2014/chart" uri="{C3380CC4-5D6E-409C-BE32-E72D297353CC}">
                <c16:uniqueId val="{0000000F-BCA3-4122-856D-B393373512D7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BCA3-4122-856D-B393373512D7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BCA3-4122-856D-B393373512D7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BCA3-4122-856D-B393373512D7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BCA3-4122-856D-B393373512D7}"/>
              </c:ext>
            </c:extLst>
          </c:dPt>
          <c:cat>
            <c:strRef>
              <c:f>'０５０３山田西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３山田西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34</c:v>
                </c:pt>
                <c:pt idx="6">
                  <c:v>218</c:v>
                </c:pt>
                <c:pt idx="7">
                  <c:v>195</c:v>
                </c:pt>
                <c:pt idx="8">
                  <c:v>176</c:v>
                </c:pt>
                <c:pt idx="9">
                  <c:v>168</c:v>
                </c:pt>
                <c:pt idx="10">
                  <c:v>168</c:v>
                </c:pt>
                <c:pt idx="11">
                  <c:v>165</c:v>
                </c:pt>
                <c:pt idx="12">
                  <c:v>160</c:v>
                </c:pt>
                <c:pt idx="13">
                  <c:v>160</c:v>
                </c:pt>
                <c:pt idx="14">
                  <c:v>154</c:v>
                </c:pt>
                <c:pt idx="15">
                  <c:v>14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BCA3-4122-856D-B393373512D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"/>
        <c:axId val="2"/>
      </c:line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/>
              <a:lstStyle/>
              <a:p>
                <a:pPr algn="ctr" rtl="0">
                  <a:defRPr/>
                </a:pPr>
                <a:r>
                  <a:rPr lang="ja-JP"/>
                  <a:t>人</a:t>
                </a:r>
              </a:p>
            </c:rich>
          </c:tx>
          <c:layout>
            <c:manualLayout>
              <c:xMode val="edge"/>
              <c:yMode val="edge"/>
              <c:x val="2.1052688413948258E-2"/>
              <c:y val="6.0533291547511785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9526540103343781"/>
          <c:y val="0.22698776710440732"/>
          <c:w val="0.12892048751512183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 algn="l" rtl="0">
            <a:defRPr/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extLst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1914936167582372E-2"/>
          <c:y val="3.143893591293833E-2"/>
          <c:w val="0.90319195852308354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５０３山田西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３山田西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</c:v>
                </c:pt>
                <c:pt idx="6">
                  <c:v>15</c:v>
                </c:pt>
                <c:pt idx="7">
                  <c:v>21</c:v>
                </c:pt>
                <c:pt idx="8">
                  <c:v>18</c:v>
                </c:pt>
                <c:pt idx="9">
                  <c:v>20</c:v>
                </c:pt>
                <c:pt idx="10">
                  <c:v>19</c:v>
                </c:pt>
                <c:pt idx="11">
                  <c:v>18</c:v>
                </c:pt>
                <c:pt idx="12">
                  <c:v>17</c:v>
                </c:pt>
                <c:pt idx="13">
                  <c:v>14</c:v>
                </c:pt>
                <c:pt idx="14">
                  <c:v>14</c:v>
                </c:pt>
                <c:pt idx="15">
                  <c:v>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5B7-424D-B310-F5191B27EB5A}"/>
            </c:ext>
          </c:extLst>
        </c:ser>
        <c:ser>
          <c:idx val="0"/>
          <c:order val="1"/>
          <c:tx>
            <c:strRef>
              <c:f>'０５０３山田西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３山田西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7</c:v>
                </c:pt>
                <c:pt idx="6">
                  <c:v>128</c:v>
                </c:pt>
                <c:pt idx="7">
                  <c:v>100</c:v>
                </c:pt>
                <c:pt idx="8">
                  <c:v>85</c:v>
                </c:pt>
                <c:pt idx="9">
                  <c:v>74</c:v>
                </c:pt>
                <c:pt idx="10">
                  <c:v>75</c:v>
                </c:pt>
                <c:pt idx="11">
                  <c:v>73</c:v>
                </c:pt>
                <c:pt idx="12">
                  <c:v>70</c:v>
                </c:pt>
                <c:pt idx="13">
                  <c:v>68</c:v>
                </c:pt>
                <c:pt idx="14">
                  <c:v>67</c:v>
                </c:pt>
                <c:pt idx="15">
                  <c:v>6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5B7-424D-B310-F5191B27EB5A}"/>
            </c:ext>
          </c:extLst>
        </c:ser>
        <c:ser>
          <c:idx val="2"/>
          <c:order val="2"/>
          <c:tx>
            <c:strRef>
              <c:f>'０５０３山田西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３山田西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4</c:v>
                </c:pt>
                <c:pt idx="6">
                  <c:v>75</c:v>
                </c:pt>
                <c:pt idx="7">
                  <c:v>74</c:v>
                </c:pt>
                <c:pt idx="8">
                  <c:v>73</c:v>
                </c:pt>
                <c:pt idx="9">
                  <c:v>74</c:v>
                </c:pt>
                <c:pt idx="10">
                  <c:v>74</c:v>
                </c:pt>
                <c:pt idx="11">
                  <c:v>74</c:v>
                </c:pt>
                <c:pt idx="12">
                  <c:v>73</c:v>
                </c:pt>
                <c:pt idx="13">
                  <c:v>78</c:v>
                </c:pt>
                <c:pt idx="14">
                  <c:v>73</c:v>
                </c:pt>
                <c:pt idx="15">
                  <c:v>7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5B7-424D-B310-F5191B27EB5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1"/>
        <c:axId val="2"/>
      </c:bar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orientation="landscape"/>
  </c:printSettings>
  <c:extLst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9.9372384937238489E-2"/>
          <c:y val="3.0266361717308635E-2"/>
          <c:w val="0.86715481171548114"/>
          <c:h val="0.9140441238627207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５０４山田東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４山田東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0</c:v>
                </c:pt>
                <c:pt idx="6">
                  <c:v>173</c:v>
                </c:pt>
                <c:pt idx="7">
                  <c:v>157</c:v>
                </c:pt>
                <c:pt idx="8">
                  <c:v>149</c:v>
                </c:pt>
                <c:pt idx="9">
                  <c:v>144</c:v>
                </c:pt>
                <c:pt idx="10">
                  <c:v>143</c:v>
                </c:pt>
                <c:pt idx="11">
                  <c:v>141</c:v>
                </c:pt>
                <c:pt idx="12">
                  <c:v>138</c:v>
                </c:pt>
                <c:pt idx="13">
                  <c:v>137</c:v>
                </c:pt>
                <c:pt idx="14">
                  <c:v>135</c:v>
                </c:pt>
                <c:pt idx="15">
                  <c:v>12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96F-4CCC-BF12-D84817C9C6ED}"/>
            </c:ext>
          </c:extLst>
        </c:ser>
        <c:ser>
          <c:idx val="3"/>
          <c:order val="2"/>
          <c:tx>
            <c:strRef>
              <c:f>'０５０４山田東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４山田東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5</c:v>
                </c:pt>
                <c:pt idx="6">
                  <c:v>169</c:v>
                </c:pt>
                <c:pt idx="7">
                  <c:v>151</c:v>
                </c:pt>
                <c:pt idx="8">
                  <c:v>146</c:v>
                </c:pt>
                <c:pt idx="9">
                  <c:v>139</c:v>
                </c:pt>
                <c:pt idx="10">
                  <c:v>138</c:v>
                </c:pt>
                <c:pt idx="11">
                  <c:v>135</c:v>
                </c:pt>
                <c:pt idx="12">
                  <c:v>129</c:v>
                </c:pt>
                <c:pt idx="13">
                  <c:v>129</c:v>
                </c:pt>
                <c:pt idx="14">
                  <c:v>122</c:v>
                </c:pt>
                <c:pt idx="15">
                  <c:v>11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96F-4CCC-BF12-D84817C9C6ED}"/>
            </c:ext>
          </c:extLst>
        </c:ser>
        <c:ser>
          <c:idx val="1"/>
          <c:order val="3"/>
          <c:tx>
            <c:strRef>
              <c:f>'０５０４山田東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'０５０４山田東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96F-4CCC-BF12-D84817C9C6E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1"/>
        <c:axId val="2"/>
      </c:barChart>
      <c:lineChart>
        <c:grouping val="standard"/>
        <c:varyColors val="0"/>
        <c:ser>
          <c:idx val="0"/>
          <c:order val="0"/>
          <c:tx>
            <c:strRef>
              <c:f>'０５０４山田東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3-F96F-4CCC-BF12-D84817C9C6ED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F96F-4CCC-BF12-D84817C9C6ED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F96F-4CCC-BF12-D84817C9C6ED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9-F96F-4CCC-BF12-D84817C9C6ED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B-F96F-4CCC-BF12-D84817C9C6ED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D-F96F-4CCC-BF12-D84817C9C6ED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E-F96F-4CCC-BF12-D84817C9C6ED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0-F96F-4CCC-BF12-D84817C9C6ED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2-F96F-4CCC-BF12-D84817C9C6ED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4-F96F-4CCC-BF12-D84817C9C6ED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6-F96F-4CCC-BF12-D84817C9C6ED}"/>
              </c:ext>
            </c:extLst>
          </c:dPt>
          <c:cat>
            <c:strRef>
              <c:f>'０５０４山田東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４山田東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55</c:v>
                </c:pt>
                <c:pt idx="6">
                  <c:v>342</c:v>
                </c:pt>
                <c:pt idx="7">
                  <c:v>308</c:v>
                </c:pt>
                <c:pt idx="8">
                  <c:v>295</c:v>
                </c:pt>
                <c:pt idx="9">
                  <c:v>283</c:v>
                </c:pt>
                <c:pt idx="10">
                  <c:v>281</c:v>
                </c:pt>
                <c:pt idx="11">
                  <c:v>276</c:v>
                </c:pt>
                <c:pt idx="12">
                  <c:v>267</c:v>
                </c:pt>
                <c:pt idx="13">
                  <c:v>266</c:v>
                </c:pt>
                <c:pt idx="14">
                  <c:v>257</c:v>
                </c:pt>
                <c:pt idx="15">
                  <c:v>24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7-F96F-4CCC-BF12-D84817C9C6E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"/>
        <c:axId val="2"/>
      </c:line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/>
              <a:lstStyle/>
              <a:p>
                <a:pPr algn="ctr" rtl="0">
                  <a:defRPr/>
                </a:pPr>
                <a:r>
                  <a:rPr lang="ja-JP"/>
                  <a:t>人</a:t>
                </a:r>
              </a:p>
            </c:rich>
          </c:tx>
          <c:layout>
            <c:manualLayout>
              <c:xMode val="edge"/>
              <c:yMode val="edge"/>
              <c:x val="1.6736352149893326E-2"/>
              <c:y val="6.0533291547511785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875402835607034"/>
          <c:y val="0.15918635331880751"/>
          <c:w val="0.12243178865185875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 algn="l" rtl="0">
            <a:defRPr/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orientation="landscape"/>
  </c:printSettings>
  <c:extLst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2089552238805971E-2"/>
          <c:y val="3.1363106530780289E-2"/>
          <c:w val="0.90298507462686572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５０４山田東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４山田東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3</c:v>
                </c:pt>
                <c:pt idx="6">
                  <c:v>28</c:v>
                </c:pt>
                <c:pt idx="7">
                  <c:v>32</c:v>
                </c:pt>
                <c:pt idx="8">
                  <c:v>28</c:v>
                </c:pt>
                <c:pt idx="9">
                  <c:v>25</c:v>
                </c:pt>
                <c:pt idx="10">
                  <c:v>23</c:v>
                </c:pt>
                <c:pt idx="11">
                  <c:v>22</c:v>
                </c:pt>
                <c:pt idx="12">
                  <c:v>18</c:v>
                </c:pt>
                <c:pt idx="13">
                  <c:v>16</c:v>
                </c:pt>
                <c:pt idx="14">
                  <c:v>15</c:v>
                </c:pt>
                <c:pt idx="15">
                  <c:v>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343-44DE-8C08-26DDC6F66915}"/>
            </c:ext>
          </c:extLst>
        </c:ser>
        <c:ser>
          <c:idx val="0"/>
          <c:order val="1"/>
          <c:tx>
            <c:strRef>
              <c:f>'０５０４山田東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４山田東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47</c:v>
                </c:pt>
                <c:pt idx="6">
                  <c:v>230</c:v>
                </c:pt>
                <c:pt idx="7">
                  <c:v>179</c:v>
                </c:pt>
                <c:pt idx="8">
                  <c:v>165</c:v>
                </c:pt>
                <c:pt idx="9">
                  <c:v>158</c:v>
                </c:pt>
                <c:pt idx="10">
                  <c:v>158</c:v>
                </c:pt>
                <c:pt idx="11">
                  <c:v>150</c:v>
                </c:pt>
                <c:pt idx="12">
                  <c:v>148</c:v>
                </c:pt>
                <c:pt idx="13">
                  <c:v>146</c:v>
                </c:pt>
                <c:pt idx="14">
                  <c:v>140</c:v>
                </c:pt>
                <c:pt idx="15">
                  <c:v>13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343-44DE-8C08-26DDC6F66915}"/>
            </c:ext>
          </c:extLst>
        </c:ser>
        <c:ser>
          <c:idx val="2"/>
          <c:order val="2"/>
          <c:tx>
            <c:strRef>
              <c:f>'０５０４山田東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'０５０４山田東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5</c:v>
                </c:pt>
                <c:pt idx="6">
                  <c:v>84</c:v>
                </c:pt>
                <c:pt idx="7">
                  <c:v>97</c:v>
                </c:pt>
                <c:pt idx="8">
                  <c:v>102</c:v>
                </c:pt>
                <c:pt idx="9">
                  <c:v>100</c:v>
                </c:pt>
                <c:pt idx="10">
                  <c:v>100</c:v>
                </c:pt>
                <c:pt idx="11">
                  <c:v>104</c:v>
                </c:pt>
                <c:pt idx="12">
                  <c:v>101</c:v>
                </c:pt>
                <c:pt idx="13">
                  <c:v>104</c:v>
                </c:pt>
                <c:pt idx="14">
                  <c:v>102</c:v>
                </c:pt>
                <c:pt idx="15">
                  <c:v>9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343-44DE-8C08-26DDC6F6691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1"/>
        <c:axId val="2"/>
      </c:bar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extLst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9.3750095367528652E-2"/>
          <c:y val="3.0266361717308635E-2"/>
          <c:w val="0.86666754828648707"/>
          <c:h val="0.90799085151925907"/>
        </c:manualLayout>
      </c:layout>
      <c:barChart>
        <c:barDir val="col"/>
        <c:grouping val="clustered"/>
        <c:varyColors val="0"/>
        <c:ser>
          <c:idx val="2"/>
          <c:order val="1"/>
          <c:tx>
            <c:v>男計</c:v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山田地域計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16</c:v>
                </c:pt>
                <c:pt idx="6">
                  <c:v>844</c:v>
                </c:pt>
                <c:pt idx="7">
                  <c:v>765</c:v>
                </c:pt>
                <c:pt idx="8">
                  <c:v>712</c:v>
                </c:pt>
                <c:pt idx="9">
                  <c:v>683</c:v>
                </c:pt>
                <c:pt idx="10">
                  <c:v>665</c:v>
                </c:pt>
                <c:pt idx="11">
                  <c:v>660</c:v>
                </c:pt>
                <c:pt idx="12">
                  <c:v>634</c:v>
                </c:pt>
                <c:pt idx="13">
                  <c:v>623</c:v>
                </c:pt>
                <c:pt idx="14">
                  <c:v>605</c:v>
                </c:pt>
                <c:pt idx="15">
                  <c:v>58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7D6-4DD2-9940-1570B108A0E7}"/>
            </c:ext>
          </c:extLst>
        </c:ser>
        <c:ser>
          <c:idx val="3"/>
          <c:order val="2"/>
          <c:tx>
            <c:v>女計</c:v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山田地域計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56</c:v>
                </c:pt>
                <c:pt idx="6">
                  <c:v>888</c:v>
                </c:pt>
                <c:pt idx="7">
                  <c:v>803</c:v>
                </c:pt>
                <c:pt idx="8">
                  <c:v>739</c:v>
                </c:pt>
                <c:pt idx="9">
                  <c:v>715</c:v>
                </c:pt>
                <c:pt idx="10">
                  <c:v>704</c:v>
                </c:pt>
                <c:pt idx="11">
                  <c:v>686</c:v>
                </c:pt>
                <c:pt idx="12">
                  <c:v>656</c:v>
                </c:pt>
                <c:pt idx="13">
                  <c:v>653</c:v>
                </c:pt>
                <c:pt idx="14">
                  <c:v>625</c:v>
                </c:pt>
                <c:pt idx="15">
                  <c:v>5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7D6-4DD2-9940-1570B108A0E7}"/>
            </c:ext>
          </c:extLst>
        </c:ser>
        <c:ser>
          <c:idx val="1"/>
          <c:order val="3"/>
          <c:tx>
            <c:strRef>
              <c:f>山田地域計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</c:strCache>
            </c:strRef>
          </c:cat>
          <c:val>
            <c:numRef>
              <c:f>山田地域計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7D6-4DD2-9940-1570B108A0E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1"/>
        <c:axId val="2"/>
      </c:barChart>
      <c:lineChart>
        <c:grouping val="standard"/>
        <c:varyColors val="0"/>
        <c:ser>
          <c:idx val="0"/>
          <c:order val="0"/>
          <c:tx>
            <c:strRef>
              <c:f>山田地域計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3-27D6-4DD2-9940-1570B108A0E7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27D6-4DD2-9940-1570B108A0E7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27D6-4DD2-9940-1570B108A0E7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9-27D6-4DD2-9940-1570B108A0E7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B-27D6-4DD2-9940-1570B108A0E7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D-27D6-4DD2-9940-1570B108A0E7}"/>
              </c:ext>
            </c:extLst>
          </c:dPt>
          <c:dPt>
            <c:idx val="6"/>
            <c:marker>
              <c:spPr>
                <a:solidFill>
                  <a:srgbClr val="000000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F-27D6-4DD2-9940-1570B108A0E7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27D6-4DD2-9940-1570B108A0E7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27D6-4DD2-9940-1570B108A0E7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27D6-4DD2-9940-1570B108A0E7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27D6-4DD2-9940-1570B108A0E7}"/>
              </c:ext>
            </c:extLst>
          </c:dPt>
          <c:cat>
            <c:strRef>
              <c:f>山田地域計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30</c:v>
                </c:pt>
                <c:pt idx="9">
                  <c:v>令和元</c:v>
                </c:pt>
                <c:pt idx="10">
                  <c:v>2</c:v>
                </c:pt>
                <c:pt idx="11">
                  <c:v>3</c:v>
                </c:pt>
                <c:pt idx="12">
                  <c:v>4</c:v>
                </c:pt>
                <c:pt idx="13">
                  <c:v>5</c:v>
                </c:pt>
                <c:pt idx="14">
                  <c:v>6</c:v>
                </c:pt>
                <c:pt idx="15">
                  <c:v>7</c:v>
                </c:pt>
              </c:strCache>
            </c:strRef>
          </c:cat>
          <c:val>
            <c:numRef>
              <c:f>山田地域計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72</c:v>
                </c:pt>
                <c:pt idx="6">
                  <c:v>1732</c:v>
                </c:pt>
                <c:pt idx="7">
                  <c:v>1568</c:v>
                </c:pt>
                <c:pt idx="8">
                  <c:v>1451</c:v>
                </c:pt>
                <c:pt idx="9">
                  <c:v>1398</c:v>
                </c:pt>
                <c:pt idx="10">
                  <c:v>1369</c:v>
                </c:pt>
                <c:pt idx="11">
                  <c:v>1346</c:v>
                </c:pt>
                <c:pt idx="12">
                  <c:v>1290</c:v>
                </c:pt>
                <c:pt idx="13">
                  <c:v>1276</c:v>
                </c:pt>
                <c:pt idx="14">
                  <c:v>1230</c:v>
                </c:pt>
                <c:pt idx="15">
                  <c:v>11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27D6-4DD2-9940-1570B108A0E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"/>
        <c:axId val="2"/>
      </c:lineChart>
      <c:catAx>
        <c:axId val="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/>
              <a:lstStyle/>
              <a:p>
                <a:pPr algn="ctr" rtl="0">
                  <a:defRPr/>
                </a:pPr>
                <a:r>
                  <a:rPr lang="ja-JP"/>
                  <a:t>人</a:t>
                </a:r>
              </a:p>
            </c:rich>
          </c:tx>
          <c:layout>
            <c:manualLayout>
              <c:xMode val="edge"/>
              <c:yMode val="edge"/>
              <c:x val="5.2083388566328201E-3"/>
              <c:y val="6.053232515610638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/>
          <a:lstStyle/>
          <a:p>
            <a:pPr algn="ctr" rtl="0">
              <a:defRPr/>
            </a:pPr>
            <a:endParaRPr lang="ja-JP"/>
          </a:p>
        </c:txPr>
        <c:crossAx val="1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8303319944157337"/>
          <c:y val="0.12605916686954316"/>
          <c:w val="0.12463595302619693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 algn="l" rtl="0">
            <a:defRPr/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 panose="020B0400000000000000" pitchFamily="49" charset="-128"/>
          <a:ea typeface="BIZ UDゴシック" panose="020B0400000000000000" pitchFamily="49" charset="-128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orientation="landscape"/>
  </c:printSettings>
  <c:extLst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3025</xdr:colOff>
      <xdr:row>51</xdr:row>
      <xdr:rowOff>55880</xdr:rowOff>
    </xdr:from>
    <xdr:to>
      <xdr:col>8</xdr:col>
      <xdr:colOff>61595</xdr:colOff>
      <xdr:row>78</xdr:row>
      <xdr:rowOff>26670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749C3F3B-67BC-423A-B934-CC3292995B3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0</xdr:colOff>
      <xdr:row>51</xdr:row>
      <xdr:rowOff>22225</xdr:rowOff>
    </xdr:from>
    <xdr:to>
      <xdr:col>16</xdr:col>
      <xdr:colOff>1047750</xdr:colOff>
      <xdr:row>77</xdr:row>
      <xdr:rowOff>28702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21FA94E9-8DC1-49AE-9E8E-2DD26DEBBA3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71500</xdr:colOff>
      <xdr:row>69</xdr:row>
      <xdr:rowOff>226060</xdr:rowOff>
    </xdr:from>
    <xdr:to>
      <xdr:col>14</xdr:col>
      <xdr:colOff>419735</xdr:colOff>
      <xdr:row>70</xdr:row>
      <xdr:rowOff>186690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83A3732B-789A-4BBE-931F-97A167565920}"/>
            </a:ext>
          </a:extLst>
        </xdr:cNvPr>
        <xdr:cNvSpPr txBox="1">
          <a:spLocks noChangeArrowheads="1"/>
        </xdr:cNvSpPr>
      </xdr:nvSpPr>
      <xdr:spPr>
        <a:xfrm>
          <a:off x="14258925" y="20457160"/>
          <a:ext cx="895985" cy="25590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15～6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591185</xdr:colOff>
      <xdr:row>75</xdr:row>
      <xdr:rowOff>53340</xdr:rowOff>
    </xdr:from>
    <xdr:to>
      <xdr:col>14</xdr:col>
      <xdr:colOff>439420</xdr:colOff>
      <xdr:row>76</xdr:row>
      <xdr:rowOff>13970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05515A59-8FBA-4DE3-8B79-7115BEB1569A}"/>
            </a:ext>
          </a:extLst>
        </xdr:cNvPr>
        <xdr:cNvSpPr txBox="1">
          <a:spLocks noChangeArrowheads="1"/>
        </xdr:cNvSpPr>
      </xdr:nvSpPr>
      <xdr:spPr>
        <a:xfrm>
          <a:off x="14278610" y="22056090"/>
          <a:ext cx="895985" cy="25590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0～1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556260</xdr:colOff>
      <xdr:row>57</xdr:row>
      <xdr:rowOff>226060</xdr:rowOff>
    </xdr:from>
    <xdr:to>
      <xdr:col>14</xdr:col>
      <xdr:colOff>406400</xdr:colOff>
      <xdr:row>58</xdr:row>
      <xdr:rowOff>185420</xdr:rowOff>
    </xdr:to>
    <xdr:sp macro="" textlink="">
      <xdr:nvSpPr>
        <xdr:cNvPr id="6" name="Text Box 5">
          <a:extLst>
            <a:ext uri="{FF2B5EF4-FFF2-40B4-BE49-F238E27FC236}">
              <a16:creationId xmlns:a16="http://schemas.microsoft.com/office/drawing/2014/main" id="{82C82584-F59E-4F81-B724-3FD239EF4748}"/>
            </a:ext>
          </a:extLst>
        </xdr:cNvPr>
        <xdr:cNvSpPr txBox="1">
          <a:spLocks noChangeArrowheads="1"/>
        </xdr:cNvSpPr>
      </xdr:nvSpPr>
      <xdr:spPr>
        <a:xfrm>
          <a:off x="14243685" y="16913860"/>
          <a:ext cx="897890" cy="25463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65歳以上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2070</xdr:colOff>
      <xdr:row>51</xdr:row>
      <xdr:rowOff>20955</xdr:rowOff>
    </xdr:from>
    <xdr:to>
      <xdr:col>7</xdr:col>
      <xdr:colOff>1040765</xdr:colOff>
      <xdr:row>77</xdr:row>
      <xdr:rowOff>16510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0C54F3CB-2A8A-4DB5-9613-DA0A1106A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3175</xdr:colOff>
      <xdr:row>51</xdr:row>
      <xdr:rowOff>40640</xdr:rowOff>
    </xdr:from>
    <xdr:to>
      <xdr:col>16</xdr:col>
      <xdr:colOff>991235</xdr:colOff>
      <xdr:row>77</xdr:row>
      <xdr:rowOff>34925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AE4CCC39-CA09-49FF-8347-A127245C1D2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93980</xdr:colOff>
      <xdr:row>65</xdr:row>
      <xdr:rowOff>108585</xdr:rowOff>
    </xdr:from>
    <xdr:to>
      <xdr:col>13</xdr:col>
      <xdr:colOff>887095</xdr:colOff>
      <xdr:row>66</xdr:row>
      <xdr:rowOff>74295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85FB5477-C237-45DD-AD7D-5D37CD15640E}"/>
            </a:ext>
          </a:extLst>
        </xdr:cNvPr>
        <xdr:cNvSpPr txBox="1">
          <a:spLocks noChangeArrowheads="1"/>
        </xdr:cNvSpPr>
      </xdr:nvSpPr>
      <xdr:spPr>
        <a:xfrm>
          <a:off x="13781405" y="19158585"/>
          <a:ext cx="793115" cy="26098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15～6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75565</xdr:colOff>
      <xdr:row>73</xdr:row>
      <xdr:rowOff>191135</xdr:rowOff>
    </xdr:from>
    <xdr:to>
      <xdr:col>13</xdr:col>
      <xdr:colOff>868680</xdr:colOff>
      <xdr:row>74</xdr:row>
      <xdr:rowOff>151765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B9588B58-6DAF-4803-83AB-3C1FB0A9A35D}"/>
            </a:ext>
          </a:extLst>
        </xdr:cNvPr>
        <xdr:cNvSpPr txBox="1">
          <a:spLocks noChangeArrowheads="1"/>
        </xdr:cNvSpPr>
      </xdr:nvSpPr>
      <xdr:spPr>
        <a:xfrm>
          <a:off x="13762990" y="21603335"/>
          <a:ext cx="793115" cy="25590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0～1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107315</xdr:colOff>
      <xdr:row>55</xdr:row>
      <xdr:rowOff>13970</xdr:rowOff>
    </xdr:from>
    <xdr:to>
      <xdr:col>13</xdr:col>
      <xdr:colOff>900430</xdr:colOff>
      <xdr:row>55</xdr:row>
      <xdr:rowOff>266065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F9BC87E5-8B42-43DA-8542-43AE5DA8CEBC}"/>
            </a:ext>
          </a:extLst>
        </xdr:cNvPr>
        <xdr:cNvSpPr txBox="1">
          <a:spLocks noChangeArrowheads="1"/>
        </xdr:cNvSpPr>
      </xdr:nvSpPr>
      <xdr:spPr>
        <a:xfrm>
          <a:off x="13794740" y="16111220"/>
          <a:ext cx="793115" cy="25209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65歳以上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32715</xdr:colOff>
      <xdr:row>51</xdr:row>
      <xdr:rowOff>59055</xdr:rowOff>
    </xdr:from>
    <xdr:to>
      <xdr:col>7</xdr:col>
      <xdr:colOff>1006475</xdr:colOff>
      <xdr:row>77</xdr:row>
      <xdr:rowOff>54610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BE491FEF-CBA6-481F-B3A0-36693B6B748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47750</xdr:colOff>
      <xdr:row>51</xdr:row>
      <xdr:rowOff>77470</xdr:rowOff>
    </xdr:from>
    <xdr:to>
      <xdr:col>16</xdr:col>
      <xdr:colOff>972820</xdr:colOff>
      <xdr:row>77</xdr:row>
      <xdr:rowOff>73025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7A57F60C-4402-4724-B49C-7297C85B362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4520</xdr:colOff>
      <xdr:row>66</xdr:row>
      <xdr:rowOff>115570</xdr:rowOff>
    </xdr:from>
    <xdr:to>
      <xdr:col>14</xdr:col>
      <xdr:colOff>455930</xdr:colOff>
      <xdr:row>67</xdr:row>
      <xdr:rowOff>76200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DB0C11FF-F04B-4885-B895-D7F1B3EF0DBE}"/>
            </a:ext>
          </a:extLst>
        </xdr:cNvPr>
        <xdr:cNvSpPr txBox="1">
          <a:spLocks noChangeArrowheads="1"/>
        </xdr:cNvSpPr>
      </xdr:nvSpPr>
      <xdr:spPr>
        <a:xfrm>
          <a:off x="14291945" y="19460845"/>
          <a:ext cx="899160" cy="25590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15～6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615315</xdr:colOff>
      <xdr:row>74</xdr:row>
      <xdr:rowOff>62230</xdr:rowOff>
    </xdr:from>
    <xdr:to>
      <xdr:col>14</xdr:col>
      <xdr:colOff>466725</xdr:colOff>
      <xdr:row>75</xdr:row>
      <xdr:rowOff>24130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27AE96F7-3A57-4B4C-8193-9D6C8E70CCB7}"/>
            </a:ext>
          </a:extLst>
        </xdr:cNvPr>
        <xdr:cNvSpPr txBox="1">
          <a:spLocks noChangeArrowheads="1"/>
        </xdr:cNvSpPr>
      </xdr:nvSpPr>
      <xdr:spPr>
        <a:xfrm>
          <a:off x="14302740" y="21769705"/>
          <a:ext cx="899160" cy="25717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0～1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617855</xdr:colOff>
      <xdr:row>56</xdr:row>
      <xdr:rowOff>15240</xdr:rowOff>
    </xdr:from>
    <xdr:to>
      <xdr:col>14</xdr:col>
      <xdr:colOff>467995</xdr:colOff>
      <xdr:row>56</xdr:row>
      <xdr:rowOff>267335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30DF4640-60F0-49BE-847B-531F6BC10F04}"/>
            </a:ext>
          </a:extLst>
        </xdr:cNvPr>
        <xdr:cNvSpPr txBox="1">
          <a:spLocks noChangeArrowheads="1"/>
        </xdr:cNvSpPr>
      </xdr:nvSpPr>
      <xdr:spPr>
        <a:xfrm>
          <a:off x="14305280" y="16407765"/>
          <a:ext cx="897890" cy="25209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65歳以上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2070</xdr:colOff>
      <xdr:row>51</xdr:row>
      <xdr:rowOff>40640</xdr:rowOff>
    </xdr:from>
    <xdr:to>
      <xdr:col>7</xdr:col>
      <xdr:colOff>1040765</xdr:colOff>
      <xdr:row>77</xdr:row>
      <xdr:rowOff>34925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E46D4579-A619-4A93-9A5C-0EB55CCC1EA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47750</xdr:colOff>
      <xdr:row>51</xdr:row>
      <xdr:rowOff>20955</xdr:rowOff>
    </xdr:from>
    <xdr:to>
      <xdr:col>16</xdr:col>
      <xdr:colOff>972820</xdr:colOff>
      <xdr:row>77</xdr:row>
      <xdr:rowOff>16510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A7CFC4FF-B126-40CE-B283-2C23CC1B230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6425</xdr:colOff>
      <xdr:row>65</xdr:row>
      <xdr:rowOff>47625</xdr:rowOff>
    </xdr:from>
    <xdr:to>
      <xdr:col>14</xdr:col>
      <xdr:colOff>455930</xdr:colOff>
      <xdr:row>66</xdr:row>
      <xdr:rowOff>8255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223BBDC8-3D96-4F4B-AEC7-C8240F6DC9A9}"/>
            </a:ext>
          </a:extLst>
        </xdr:cNvPr>
        <xdr:cNvSpPr txBox="1">
          <a:spLocks noChangeArrowheads="1"/>
        </xdr:cNvSpPr>
      </xdr:nvSpPr>
      <xdr:spPr>
        <a:xfrm>
          <a:off x="14293850" y="19097625"/>
          <a:ext cx="897255" cy="25590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15～6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603250</xdr:colOff>
      <xdr:row>74</xdr:row>
      <xdr:rowOff>5715</xdr:rowOff>
    </xdr:from>
    <xdr:to>
      <xdr:col>14</xdr:col>
      <xdr:colOff>452755</xdr:colOff>
      <xdr:row>74</xdr:row>
      <xdr:rowOff>258445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B67DD0C0-2429-498E-9F50-7616971B3FB9}"/>
            </a:ext>
          </a:extLst>
        </xdr:cNvPr>
        <xdr:cNvSpPr txBox="1">
          <a:spLocks noChangeArrowheads="1"/>
        </xdr:cNvSpPr>
      </xdr:nvSpPr>
      <xdr:spPr>
        <a:xfrm>
          <a:off x="14290675" y="21713190"/>
          <a:ext cx="897255" cy="25273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0～1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583565</xdr:colOff>
      <xdr:row>54</xdr:row>
      <xdr:rowOff>187325</xdr:rowOff>
    </xdr:from>
    <xdr:to>
      <xdr:col>14</xdr:col>
      <xdr:colOff>433070</xdr:colOff>
      <xdr:row>55</xdr:row>
      <xdr:rowOff>150495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F16DF5B3-62DF-4782-B0A1-C5D04DB3BD75}"/>
            </a:ext>
          </a:extLst>
        </xdr:cNvPr>
        <xdr:cNvSpPr txBox="1">
          <a:spLocks noChangeArrowheads="1"/>
        </xdr:cNvSpPr>
      </xdr:nvSpPr>
      <xdr:spPr>
        <a:xfrm>
          <a:off x="14270990" y="15989300"/>
          <a:ext cx="897255" cy="25844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65歳以上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2070</xdr:colOff>
      <xdr:row>51</xdr:row>
      <xdr:rowOff>20955</xdr:rowOff>
    </xdr:from>
    <xdr:to>
      <xdr:col>8</xdr:col>
      <xdr:colOff>41275</xdr:colOff>
      <xdr:row>77</xdr:row>
      <xdr:rowOff>285750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446FCE00-C494-4700-B0F7-45AC347BA71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47750</xdr:colOff>
      <xdr:row>51</xdr:row>
      <xdr:rowOff>36195</xdr:rowOff>
    </xdr:from>
    <xdr:to>
      <xdr:col>16</xdr:col>
      <xdr:colOff>1047750</xdr:colOff>
      <xdr:row>78</xdr:row>
      <xdr:rowOff>8255</xdr:rowOff>
    </xdr:to>
    <xdr:graphicFrame macro="">
      <xdr:nvGraphicFramePr>
        <xdr:cNvPr id="3" name="グラフ 3">
          <a:extLst>
            <a:ext uri="{FF2B5EF4-FFF2-40B4-BE49-F238E27FC236}">
              <a16:creationId xmlns:a16="http://schemas.microsoft.com/office/drawing/2014/main" id="{E330CE39-A068-457D-A853-56C53F6F7DD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3090</xdr:colOff>
      <xdr:row>66</xdr:row>
      <xdr:rowOff>73025</xdr:rowOff>
    </xdr:from>
    <xdr:to>
      <xdr:col>14</xdr:col>
      <xdr:colOff>443230</xdr:colOff>
      <xdr:row>67</xdr:row>
      <xdr:rowOff>33655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7D84072F-8133-452D-B508-5481AC1111FE}"/>
            </a:ext>
          </a:extLst>
        </xdr:cNvPr>
        <xdr:cNvSpPr txBox="1">
          <a:spLocks noChangeArrowheads="1"/>
        </xdr:cNvSpPr>
      </xdr:nvSpPr>
      <xdr:spPr>
        <a:xfrm>
          <a:off x="14280515" y="19418300"/>
          <a:ext cx="897890" cy="25590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15～6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568325</xdr:colOff>
      <xdr:row>74</xdr:row>
      <xdr:rowOff>210820</xdr:rowOff>
    </xdr:from>
    <xdr:to>
      <xdr:col>14</xdr:col>
      <xdr:colOff>417830</xdr:colOff>
      <xdr:row>75</xdr:row>
      <xdr:rowOff>171450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C4D4A165-892A-4D8D-B92D-72F580DB7637}"/>
            </a:ext>
          </a:extLst>
        </xdr:cNvPr>
        <xdr:cNvSpPr txBox="1">
          <a:spLocks noChangeArrowheads="1"/>
        </xdr:cNvSpPr>
      </xdr:nvSpPr>
      <xdr:spPr>
        <a:xfrm>
          <a:off x="14255750" y="21918295"/>
          <a:ext cx="897255" cy="25590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0～14歳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  <xdr:twoCellAnchor>
    <xdr:from>
      <xdr:col>13</xdr:col>
      <xdr:colOff>599440</xdr:colOff>
      <xdr:row>55</xdr:row>
      <xdr:rowOff>31115</xdr:rowOff>
    </xdr:from>
    <xdr:to>
      <xdr:col>14</xdr:col>
      <xdr:colOff>448310</xdr:colOff>
      <xdr:row>55</xdr:row>
      <xdr:rowOff>283845</xdr:rowOff>
    </xdr:to>
    <xdr:sp macro="" textlink="">
      <xdr:nvSpPr>
        <xdr:cNvPr id="6" name="Text Box 6">
          <a:extLst>
            <a:ext uri="{FF2B5EF4-FFF2-40B4-BE49-F238E27FC236}">
              <a16:creationId xmlns:a16="http://schemas.microsoft.com/office/drawing/2014/main" id="{D418CCA7-3939-46FF-A24A-17F853F8F50A}"/>
            </a:ext>
          </a:extLst>
        </xdr:cNvPr>
        <xdr:cNvSpPr txBox="1">
          <a:spLocks noChangeArrowheads="1"/>
        </xdr:cNvSpPr>
      </xdr:nvSpPr>
      <xdr:spPr>
        <a:xfrm>
          <a:off x="14286865" y="16128365"/>
          <a:ext cx="896620" cy="25273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65歳以上</a:t>
          </a:r>
          <a:endParaRPr lang="ja-JP" altLang="en-US">
            <a:latin typeface="BIZ UDゴシック" panose="020B0400000000000000" pitchFamily="49" charset="-128"/>
            <a:ea typeface="BIZ UDゴシック" panose="020B0400000000000000" pitchFamily="49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BF9D1A-84B7-48BD-8CED-36DBA49928D2}">
  <sheetPr codeName="Sheet86"/>
  <dimension ref="A1:U168"/>
  <sheetViews>
    <sheetView tabSelected="1" zoomScale="55" zoomScaleNormal="55" zoomScaleSheetLayoutView="55" workbookViewId="0"/>
  </sheetViews>
  <sheetFormatPr defaultColWidth="8.875" defaultRowHeight="23.25" customHeight="1" x14ac:dyDescent="0.15"/>
  <cols>
    <col min="1" max="1" width="14.625" style="2" customWidth="1"/>
    <col min="2" max="17" width="13.75" style="2" customWidth="1"/>
    <col min="18" max="18" width="13.625" style="2" customWidth="1"/>
    <col min="19" max="16384" width="8.875" style="2"/>
  </cols>
  <sheetData>
    <row r="1" spans="1:20" ht="23.25" customHeight="1" x14ac:dyDescent="0.15">
      <c r="A1" s="1"/>
    </row>
    <row r="3" spans="1:20" ht="23.25" customHeight="1" x14ac:dyDescent="0.15">
      <c r="A3" s="3" t="s">
        <v>0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5"/>
      <c r="P3" s="5"/>
      <c r="Q3" s="5"/>
      <c r="R3" s="5"/>
      <c r="S3" s="5"/>
      <c r="T3" s="5"/>
    </row>
    <row r="4" spans="1:20" ht="23.25" customHeight="1" x14ac:dyDescent="0.15">
      <c r="A4" s="6" t="s">
        <v>1</v>
      </c>
      <c r="B4" s="6" t="s">
        <v>2</v>
      </c>
      <c r="C4" s="6">
        <v>60</v>
      </c>
      <c r="D4" s="6" t="s">
        <v>3</v>
      </c>
      <c r="E4" s="6">
        <v>7</v>
      </c>
      <c r="F4" s="6">
        <v>12</v>
      </c>
      <c r="G4" s="6">
        <v>17</v>
      </c>
      <c r="H4" s="6">
        <v>22</v>
      </c>
      <c r="I4" s="6">
        <v>27</v>
      </c>
      <c r="J4" s="6">
        <v>30</v>
      </c>
      <c r="K4" s="6" t="s">
        <v>4</v>
      </c>
      <c r="L4" s="6">
        <v>2</v>
      </c>
      <c r="M4" s="6">
        <v>3</v>
      </c>
      <c r="N4" s="6">
        <v>4</v>
      </c>
      <c r="O4" s="6">
        <v>5</v>
      </c>
      <c r="P4" s="6">
        <v>6</v>
      </c>
      <c r="Q4" s="6">
        <v>7</v>
      </c>
    </row>
    <row r="5" spans="1:20" ht="23.25" customHeight="1" x14ac:dyDescent="0.15">
      <c r="A5" s="7" t="s">
        <v>5</v>
      </c>
      <c r="B5" s="8" t="s">
        <v>6</v>
      </c>
      <c r="C5" s="8" t="s">
        <v>6</v>
      </c>
      <c r="D5" s="8" t="s">
        <v>6</v>
      </c>
      <c r="E5" s="8" t="s">
        <v>6</v>
      </c>
      <c r="F5" s="8" t="s">
        <v>6</v>
      </c>
      <c r="G5" s="9">
        <v>1</v>
      </c>
      <c r="H5" s="9">
        <v>0</v>
      </c>
      <c r="I5" s="9">
        <v>0</v>
      </c>
      <c r="J5" s="9" t="s">
        <v>61</v>
      </c>
      <c r="K5" s="9" t="s">
        <v>61</v>
      </c>
      <c r="L5" s="9" t="s">
        <v>61</v>
      </c>
      <c r="M5" s="9" t="s">
        <v>61</v>
      </c>
      <c r="N5" s="9" t="s">
        <v>61</v>
      </c>
      <c r="O5" s="9" t="s">
        <v>61</v>
      </c>
      <c r="P5" s="9" t="s">
        <v>61</v>
      </c>
      <c r="Q5" s="9" t="s">
        <v>62</v>
      </c>
    </row>
    <row r="6" spans="1:20" ht="23.25" customHeight="1" x14ac:dyDescent="0.15">
      <c r="A6" s="7" t="s">
        <v>7</v>
      </c>
      <c r="B6" s="8" t="s">
        <v>6</v>
      </c>
      <c r="C6" s="8" t="s">
        <v>6</v>
      </c>
      <c r="D6" s="8" t="s">
        <v>6</v>
      </c>
      <c r="E6" s="8" t="s">
        <v>6</v>
      </c>
      <c r="F6" s="8" t="s">
        <v>6</v>
      </c>
      <c r="G6" s="9">
        <v>0</v>
      </c>
      <c r="H6" s="9">
        <v>1</v>
      </c>
      <c r="I6" s="9">
        <v>0</v>
      </c>
      <c r="J6" s="9" t="s">
        <v>61</v>
      </c>
      <c r="K6" s="9" t="s">
        <v>61</v>
      </c>
      <c r="L6" s="9" t="s">
        <v>61</v>
      </c>
      <c r="M6" s="9" t="s">
        <v>61</v>
      </c>
      <c r="N6" s="9" t="s">
        <v>61</v>
      </c>
      <c r="O6" s="9" t="s">
        <v>61</v>
      </c>
      <c r="P6" s="9" t="s">
        <v>61</v>
      </c>
      <c r="Q6" s="9" t="s">
        <v>62</v>
      </c>
    </row>
    <row r="7" spans="1:20" ht="23.25" customHeight="1" x14ac:dyDescent="0.15">
      <c r="A7" s="7" t="s">
        <v>8</v>
      </c>
      <c r="B7" s="8" t="s">
        <v>6</v>
      </c>
      <c r="C7" s="8" t="s">
        <v>6</v>
      </c>
      <c r="D7" s="8" t="s">
        <v>6</v>
      </c>
      <c r="E7" s="8" t="s">
        <v>6</v>
      </c>
      <c r="F7" s="8" t="s">
        <v>6</v>
      </c>
      <c r="G7" s="9">
        <v>0</v>
      </c>
      <c r="H7" s="9">
        <v>0</v>
      </c>
      <c r="I7" s="9">
        <v>1</v>
      </c>
      <c r="J7" s="9" t="s">
        <v>61</v>
      </c>
      <c r="K7" s="9" t="s">
        <v>61</v>
      </c>
      <c r="L7" s="9" t="s">
        <v>61</v>
      </c>
      <c r="M7" s="9" t="s">
        <v>61</v>
      </c>
      <c r="N7" s="9" t="s">
        <v>61</v>
      </c>
      <c r="O7" s="9" t="s">
        <v>61</v>
      </c>
      <c r="P7" s="9" t="s">
        <v>61</v>
      </c>
      <c r="Q7" s="9" t="s">
        <v>62</v>
      </c>
    </row>
    <row r="8" spans="1:20" ht="23.25" customHeight="1" x14ac:dyDescent="0.15">
      <c r="A8" s="10" t="s">
        <v>9</v>
      </c>
      <c r="B8" s="11" t="s">
        <v>6</v>
      </c>
      <c r="C8" s="11" t="s">
        <v>6</v>
      </c>
      <c r="D8" s="11" t="s">
        <v>6</v>
      </c>
      <c r="E8" s="11" t="s">
        <v>6</v>
      </c>
      <c r="F8" s="11" t="s">
        <v>6</v>
      </c>
      <c r="G8" s="12">
        <v>0</v>
      </c>
      <c r="H8" s="12">
        <v>0</v>
      </c>
      <c r="I8" s="12">
        <v>0</v>
      </c>
      <c r="J8" s="12" t="s">
        <v>61</v>
      </c>
      <c r="K8" s="12" t="s">
        <v>61</v>
      </c>
      <c r="L8" s="12" t="s">
        <v>61</v>
      </c>
      <c r="M8" s="12" t="s">
        <v>61</v>
      </c>
      <c r="N8" s="12" t="s">
        <v>61</v>
      </c>
      <c r="O8" s="12" t="s">
        <v>61</v>
      </c>
      <c r="P8" s="12" t="s">
        <v>61</v>
      </c>
      <c r="Q8" s="12" t="s">
        <v>61</v>
      </c>
    </row>
    <row r="9" spans="1:20" ht="23.25" customHeight="1" x14ac:dyDescent="0.15">
      <c r="A9" s="10" t="s">
        <v>10</v>
      </c>
      <c r="B9" s="11" t="s">
        <v>6</v>
      </c>
      <c r="C9" s="11" t="s">
        <v>6</v>
      </c>
      <c r="D9" s="11" t="s">
        <v>6</v>
      </c>
      <c r="E9" s="11" t="s">
        <v>6</v>
      </c>
      <c r="F9" s="11" t="s">
        <v>6</v>
      </c>
      <c r="G9" s="12">
        <v>3</v>
      </c>
      <c r="H9" s="12">
        <v>0</v>
      </c>
      <c r="I9" s="12">
        <v>0</v>
      </c>
      <c r="J9" s="12" t="s">
        <v>61</v>
      </c>
      <c r="K9" s="12" t="s">
        <v>61</v>
      </c>
      <c r="L9" s="12" t="s">
        <v>61</v>
      </c>
      <c r="M9" s="12" t="s">
        <v>61</v>
      </c>
      <c r="N9" s="12" t="s">
        <v>61</v>
      </c>
      <c r="O9" s="12" t="s">
        <v>61</v>
      </c>
      <c r="P9" s="12" t="s">
        <v>61</v>
      </c>
      <c r="Q9" s="12" t="s">
        <v>61</v>
      </c>
    </row>
    <row r="10" spans="1:20" ht="23.25" customHeight="1" x14ac:dyDescent="0.15">
      <c r="A10" s="10" t="s">
        <v>11</v>
      </c>
      <c r="B10" s="11" t="s">
        <v>6</v>
      </c>
      <c r="C10" s="11" t="s">
        <v>6</v>
      </c>
      <c r="D10" s="11" t="s">
        <v>6</v>
      </c>
      <c r="E10" s="11" t="s">
        <v>6</v>
      </c>
      <c r="F10" s="11" t="s">
        <v>6</v>
      </c>
      <c r="G10" s="12">
        <v>0</v>
      </c>
      <c r="H10" s="12">
        <v>3</v>
      </c>
      <c r="I10" s="12">
        <v>0</v>
      </c>
      <c r="J10" s="12" t="s">
        <v>61</v>
      </c>
      <c r="K10" s="12" t="s">
        <v>61</v>
      </c>
      <c r="L10" s="12" t="s">
        <v>61</v>
      </c>
      <c r="M10" s="12" t="s">
        <v>61</v>
      </c>
      <c r="N10" s="12" t="s">
        <v>61</v>
      </c>
      <c r="O10" s="12" t="s">
        <v>61</v>
      </c>
      <c r="P10" s="12" t="s">
        <v>61</v>
      </c>
      <c r="Q10" s="12" t="s">
        <v>61</v>
      </c>
    </row>
    <row r="11" spans="1:20" ht="23.25" customHeight="1" x14ac:dyDescent="0.15">
      <c r="A11" s="10" t="s">
        <v>12</v>
      </c>
      <c r="B11" s="11" t="s">
        <v>6</v>
      </c>
      <c r="C11" s="11" t="s">
        <v>6</v>
      </c>
      <c r="D11" s="11" t="s">
        <v>6</v>
      </c>
      <c r="E11" s="11" t="s">
        <v>6</v>
      </c>
      <c r="F11" s="11" t="s">
        <v>6</v>
      </c>
      <c r="G11" s="12">
        <v>1</v>
      </c>
      <c r="H11" s="12">
        <v>0</v>
      </c>
      <c r="I11" s="12">
        <v>1</v>
      </c>
      <c r="J11" s="12" t="s">
        <v>61</v>
      </c>
      <c r="K11" s="12" t="s">
        <v>61</v>
      </c>
      <c r="L11" s="12" t="s">
        <v>61</v>
      </c>
      <c r="M11" s="12" t="s">
        <v>61</v>
      </c>
      <c r="N11" s="12" t="s">
        <v>61</v>
      </c>
      <c r="O11" s="12" t="s">
        <v>61</v>
      </c>
      <c r="P11" s="12" t="s">
        <v>61</v>
      </c>
      <c r="Q11" s="12" t="s">
        <v>61</v>
      </c>
    </row>
    <row r="12" spans="1:20" ht="23.25" customHeight="1" x14ac:dyDescent="0.15">
      <c r="A12" s="10" t="s">
        <v>13</v>
      </c>
      <c r="B12" s="11" t="s">
        <v>6</v>
      </c>
      <c r="C12" s="11" t="s">
        <v>6</v>
      </c>
      <c r="D12" s="11" t="s">
        <v>6</v>
      </c>
      <c r="E12" s="11" t="s">
        <v>6</v>
      </c>
      <c r="F12" s="11" t="s">
        <v>6</v>
      </c>
      <c r="G12" s="12">
        <v>2</v>
      </c>
      <c r="H12" s="12">
        <v>0</v>
      </c>
      <c r="I12" s="12">
        <v>0</v>
      </c>
      <c r="J12" s="12" t="s">
        <v>61</v>
      </c>
      <c r="K12" s="12" t="s">
        <v>61</v>
      </c>
      <c r="L12" s="12" t="s">
        <v>61</v>
      </c>
      <c r="M12" s="12" t="s">
        <v>61</v>
      </c>
      <c r="N12" s="12" t="s">
        <v>61</v>
      </c>
      <c r="O12" s="12" t="s">
        <v>61</v>
      </c>
      <c r="P12" s="12" t="s">
        <v>61</v>
      </c>
      <c r="Q12" s="12" t="s">
        <v>61</v>
      </c>
    </row>
    <row r="13" spans="1:20" ht="23.25" customHeight="1" x14ac:dyDescent="0.15">
      <c r="A13" s="10" t="s">
        <v>14</v>
      </c>
      <c r="B13" s="11" t="s">
        <v>6</v>
      </c>
      <c r="C13" s="11" t="s">
        <v>6</v>
      </c>
      <c r="D13" s="11" t="s">
        <v>6</v>
      </c>
      <c r="E13" s="11" t="s">
        <v>6</v>
      </c>
      <c r="F13" s="11" t="s">
        <v>6</v>
      </c>
      <c r="G13" s="12">
        <v>0</v>
      </c>
      <c r="H13" s="12">
        <v>3</v>
      </c>
      <c r="I13" s="12">
        <v>0</v>
      </c>
      <c r="J13" s="12" t="s">
        <v>61</v>
      </c>
      <c r="K13" s="12" t="s">
        <v>61</v>
      </c>
      <c r="L13" s="12" t="s">
        <v>61</v>
      </c>
      <c r="M13" s="12" t="s">
        <v>61</v>
      </c>
      <c r="N13" s="12" t="s">
        <v>61</v>
      </c>
      <c r="O13" s="12" t="s">
        <v>61</v>
      </c>
      <c r="P13" s="12" t="s">
        <v>61</v>
      </c>
      <c r="Q13" s="12" t="s">
        <v>61</v>
      </c>
    </row>
    <row r="14" spans="1:20" ht="23.25" customHeight="1" x14ac:dyDescent="0.15">
      <c r="A14" s="10" t="s">
        <v>15</v>
      </c>
      <c r="B14" s="11" t="s">
        <v>6</v>
      </c>
      <c r="C14" s="11" t="s">
        <v>6</v>
      </c>
      <c r="D14" s="11" t="s">
        <v>6</v>
      </c>
      <c r="E14" s="11" t="s">
        <v>6</v>
      </c>
      <c r="F14" s="11" t="s">
        <v>6</v>
      </c>
      <c r="G14" s="12">
        <v>1</v>
      </c>
      <c r="H14" s="12">
        <v>0</v>
      </c>
      <c r="I14" s="12">
        <v>3</v>
      </c>
      <c r="J14" s="12" t="s">
        <v>61</v>
      </c>
      <c r="K14" s="12" t="s">
        <v>61</v>
      </c>
      <c r="L14" s="12" t="s">
        <v>61</v>
      </c>
      <c r="M14" s="12" t="s">
        <v>61</v>
      </c>
      <c r="N14" s="12" t="s">
        <v>61</v>
      </c>
      <c r="O14" s="12" t="s">
        <v>61</v>
      </c>
      <c r="P14" s="12" t="s">
        <v>61</v>
      </c>
      <c r="Q14" s="12" t="s">
        <v>61</v>
      </c>
    </row>
    <row r="15" spans="1:20" ht="23.25" customHeight="1" x14ac:dyDescent="0.15">
      <c r="A15" s="10" t="s">
        <v>16</v>
      </c>
      <c r="B15" s="11" t="s">
        <v>6</v>
      </c>
      <c r="C15" s="11" t="s">
        <v>6</v>
      </c>
      <c r="D15" s="11" t="s">
        <v>6</v>
      </c>
      <c r="E15" s="11" t="s">
        <v>6</v>
      </c>
      <c r="F15" s="11" t="s">
        <v>6</v>
      </c>
      <c r="G15" s="12">
        <v>4</v>
      </c>
      <c r="H15" s="12">
        <v>1</v>
      </c>
      <c r="I15" s="12">
        <v>0</v>
      </c>
      <c r="J15" s="12" t="s">
        <v>61</v>
      </c>
      <c r="K15" s="12" t="s">
        <v>61</v>
      </c>
      <c r="L15" s="12" t="s">
        <v>61</v>
      </c>
      <c r="M15" s="12" t="s">
        <v>61</v>
      </c>
      <c r="N15" s="12" t="s">
        <v>61</v>
      </c>
      <c r="O15" s="12" t="s">
        <v>61</v>
      </c>
      <c r="P15" s="12" t="s">
        <v>61</v>
      </c>
      <c r="Q15" s="12" t="s">
        <v>61</v>
      </c>
    </row>
    <row r="16" spans="1:20" ht="23.25" customHeight="1" x14ac:dyDescent="0.15">
      <c r="A16" s="10" t="s">
        <v>17</v>
      </c>
      <c r="B16" s="11" t="s">
        <v>6</v>
      </c>
      <c r="C16" s="11" t="s">
        <v>6</v>
      </c>
      <c r="D16" s="11" t="s">
        <v>6</v>
      </c>
      <c r="E16" s="11" t="s">
        <v>6</v>
      </c>
      <c r="F16" s="11" t="s">
        <v>6</v>
      </c>
      <c r="G16" s="12">
        <v>2</v>
      </c>
      <c r="H16" s="12">
        <v>4</v>
      </c>
      <c r="I16" s="12">
        <v>0</v>
      </c>
      <c r="J16" s="12" t="s">
        <v>61</v>
      </c>
      <c r="K16" s="12" t="s">
        <v>61</v>
      </c>
      <c r="L16" s="12" t="s">
        <v>61</v>
      </c>
      <c r="M16" s="12" t="s">
        <v>61</v>
      </c>
      <c r="N16" s="12" t="s">
        <v>61</v>
      </c>
      <c r="O16" s="12" t="s">
        <v>61</v>
      </c>
      <c r="P16" s="12" t="s">
        <v>61</v>
      </c>
      <c r="Q16" s="12" t="s">
        <v>61</v>
      </c>
    </row>
    <row r="17" spans="1:17" ht="23.25" customHeight="1" x14ac:dyDescent="0.15">
      <c r="A17" s="10" t="s">
        <v>18</v>
      </c>
      <c r="B17" s="11" t="s">
        <v>6</v>
      </c>
      <c r="C17" s="11" t="s">
        <v>6</v>
      </c>
      <c r="D17" s="11" t="s">
        <v>6</v>
      </c>
      <c r="E17" s="11" t="s">
        <v>6</v>
      </c>
      <c r="F17" s="11" t="s">
        <v>6</v>
      </c>
      <c r="G17" s="12">
        <v>1</v>
      </c>
      <c r="H17" s="12">
        <v>1</v>
      </c>
      <c r="I17" s="12">
        <v>2</v>
      </c>
      <c r="J17" s="12" t="s">
        <v>61</v>
      </c>
      <c r="K17" s="12" t="s">
        <v>61</v>
      </c>
      <c r="L17" s="12" t="s">
        <v>61</v>
      </c>
      <c r="M17" s="12" t="s">
        <v>61</v>
      </c>
      <c r="N17" s="12" t="s">
        <v>61</v>
      </c>
      <c r="O17" s="12" t="s">
        <v>61</v>
      </c>
      <c r="P17" s="12" t="s">
        <v>61</v>
      </c>
      <c r="Q17" s="12" t="s">
        <v>61</v>
      </c>
    </row>
    <row r="18" spans="1:17" ht="23.25" customHeight="1" x14ac:dyDescent="0.15">
      <c r="A18" s="13" t="s">
        <v>19</v>
      </c>
      <c r="B18" s="14" t="s">
        <v>6</v>
      </c>
      <c r="C18" s="14" t="s">
        <v>6</v>
      </c>
      <c r="D18" s="14" t="s">
        <v>6</v>
      </c>
      <c r="E18" s="14" t="s">
        <v>6</v>
      </c>
      <c r="F18" s="14" t="s">
        <v>6</v>
      </c>
      <c r="G18" s="15">
        <v>3</v>
      </c>
      <c r="H18" s="15">
        <v>1</v>
      </c>
      <c r="I18" s="15">
        <v>1</v>
      </c>
      <c r="J18" s="15" t="s">
        <v>61</v>
      </c>
      <c r="K18" s="15" t="s">
        <v>61</v>
      </c>
      <c r="L18" s="15" t="s">
        <v>61</v>
      </c>
      <c r="M18" s="15" t="s">
        <v>61</v>
      </c>
      <c r="N18" s="15" t="s">
        <v>61</v>
      </c>
      <c r="O18" s="15" t="s">
        <v>61</v>
      </c>
      <c r="P18" s="15" t="s">
        <v>61</v>
      </c>
      <c r="Q18" s="15" t="s">
        <v>61</v>
      </c>
    </row>
    <row r="19" spans="1:17" ht="23.25" customHeight="1" x14ac:dyDescent="0.15">
      <c r="A19" s="13" t="s">
        <v>20</v>
      </c>
      <c r="B19" s="14" t="s">
        <v>6</v>
      </c>
      <c r="C19" s="14" t="s">
        <v>6</v>
      </c>
      <c r="D19" s="14" t="s">
        <v>6</v>
      </c>
      <c r="E19" s="14" t="s">
        <v>6</v>
      </c>
      <c r="F19" s="14" t="s">
        <v>6</v>
      </c>
      <c r="G19" s="15">
        <v>4</v>
      </c>
      <c r="H19" s="15">
        <v>2</v>
      </c>
      <c r="I19" s="15">
        <v>1</v>
      </c>
      <c r="J19" s="15" t="s">
        <v>61</v>
      </c>
      <c r="K19" s="15" t="s">
        <v>61</v>
      </c>
      <c r="L19" s="15" t="s">
        <v>61</v>
      </c>
      <c r="M19" s="15" t="s">
        <v>61</v>
      </c>
      <c r="N19" s="15" t="s">
        <v>61</v>
      </c>
      <c r="O19" s="15" t="s">
        <v>61</v>
      </c>
      <c r="P19" s="15" t="s">
        <v>61</v>
      </c>
      <c r="Q19" s="15" t="s">
        <v>61</v>
      </c>
    </row>
    <row r="20" spans="1:17" ht="23.25" customHeight="1" x14ac:dyDescent="0.15">
      <c r="A20" s="13" t="s">
        <v>21</v>
      </c>
      <c r="B20" s="14" t="s">
        <v>6</v>
      </c>
      <c r="C20" s="14" t="s">
        <v>6</v>
      </c>
      <c r="D20" s="14" t="s">
        <v>6</v>
      </c>
      <c r="E20" s="14" t="s">
        <v>6</v>
      </c>
      <c r="F20" s="14" t="s">
        <v>6</v>
      </c>
      <c r="G20" s="15">
        <v>7</v>
      </c>
      <c r="H20" s="15">
        <v>2</v>
      </c>
      <c r="I20" s="15">
        <v>1</v>
      </c>
      <c r="J20" s="15" t="s">
        <v>61</v>
      </c>
      <c r="K20" s="15" t="s">
        <v>61</v>
      </c>
      <c r="L20" s="15" t="s">
        <v>61</v>
      </c>
      <c r="M20" s="15" t="s">
        <v>61</v>
      </c>
      <c r="N20" s="15" t="s">
        <v>61</v>
      </c>
      <c r="O20" s="15" t="s">
        <v>61</v>
      </c>
      <c r="P20" s="15" t="s">
        <v>61</v>
      </c>
      <c r="Q20" s="15" t="s">
        <v>61</v>
      </c>
    </row>
    <row r="21" spans="1:17" ht="23.25" customHeight="1" x14ac:dyDescent="0.15">
      <c r="A21" s="13" t="s">
        <v>22</v>
      </c>
      <c r="B21" s="14" t="s">
        <v>6</v>
      </c>
      <c r="C21" s="14" t="s">
        <v>6</v>
      </c>
      <c r="D21" s="14" t="s">
        <v>6</v>
      </c>
      <c r="E21" s="14" t="s">
        <v>6</v>
      </c>
      <c r="F21" s="14" t="s">
        <v>6</v>
      </c>
      <c r="G21" s="15">
        <v>2</v>
      </c>
      <c r="H21" s="15">
        <v>6</v>
      </c>
      <c r="I21" s="15">
        <v>1</v>
      </c>
      <c r="J21" s="15" t="s">
        <v>61</v>
      </c>
      <c r="K21" s="15" t="s">
        <v>61</v>
      </c>
      <c r="L21" s="15" t="s">
        <v>61</v>
      </c>
      <c r="M21" s="15" t="s">
        <v>61</v>
      </c>
      <c r="N21" s="15" t="s">
        <v>61</v>
      </c>
      <c r="O21" s="15" t="s">
        <v>61</v>
      </c>
      <c r="P21" s="15" t="s">
        <v>61</v>
      </c>
      <c r="Q21" s="15" t="s">
        <v>61</v>
      </c>
    </row>
    <row r="22" spans="1:17" ht="23.25" customHeight="1" x14ac:dyDescent="0.15">
      <c r="A22" s="13" t="s">
        <v>23</v>
      </c>
      <c r="B22" s="14" t="s">
        <v>6</v>
      </c>
      <c r="C22" s="14" t="s">
        <v>6</v>
      </c>
      <c r="D22" s="14" t="s">
        <v>6</v>
      </c>
      <c r="E22" s="14" t="s">
        <v>6</v>
      </c>
      <c r="F22" s="14" t="s">
        <v>6</v>
      </c>
      <c r="G22" s="15">
        <v>2</v>
      </c>
      <c r="H22" s="15">
        <v>2</v>
      </c>
      <c r="I22" s="15">
        <v>4</v>
      </c>
      <c r="J22" s="15" t="s">
        <v>61</v>
      </c>
      <c r="K22" s="15" t="s">
        <v>61</v>
      </c>
      <c r="L22" s="15" t="s">
        <v>61</v>
      </c>
      <c r="M22" s="15" t="s">
        <v>61</v>
      </c>
      <c r="N22" s="15" t="s">
        <v>61</v>
      </c>
      <c r="O22" s="15" t="s">
        <v>61</v>
      </c>
      <c r="P22" s="15" t="s">
        <v>61</v>
      </c>
      <c r="Q22" s="15" t="s">
        <v>61</v>
      </c>
    </row>
    <row r="23" spans="1:17" ht="23.25" customHeight="1" x14ac:dyDescent="0.15">
      <c r="A23" s="13" t="s">
        <v>24</v>
      </c>
      <c r="B23" s="14" t="s">
        <v>6</v>
      </c>
      <c r="C23" s="14" t="s">
        <v>6</v>
      </c>
      <c r="D23" s="14" t="s">
        <v>6</v>
      </c>
      <c r="E23" s="14" t="s">
        <v>6</v>
      </c>
      <c r="F23" s="14" t="s">
        <v>6</v>
      </c>
      <c r="G23" s="15">
        <v>0</v>
      </c>
      <c r="H23" s="15">
        <v>2</v>
      </c>
      <c r="I23" s="15">
        <v>1</v>
      </c>
      <c r="J23" s="15" t="s">
        <v>61</v>
      </c>
      <c r="K23" s="15" t="s">
        <v>61</v>
      </c>
      <c r="L23" s="15" t="s">
        <v>61</v>
      </c>
      <c r="M23" s="15" t="s">
        <v>61</v>
      </c>
      <c r="N23" s="15" t="s">
        <v>61</v>
      </c>
      <c r="O23" s="15" t="s">
        <v>61</v>
      </c>
      <c r="P23" s="15" t="s">
        <v>61</v>
      </c>
      <c r="Q23" s="15" t="s">
        <v>61</v>
      </c>
    </row>
    <row r="24" spans="1:17" ht="23.25" customHeight="1" x14ac:dyDescent="0.15">
      <c r="A24" s="13" t="s">
        <v>25</v>
      </c>
      <c r="B24" s="14" t="s">
        <v>6</v>
      </c>
      <c r="C24" s="14" t="s">
        <v>6</v>
      </c>
      <c r="D24" s="14" t="s">
        <v>6</v>
      </c>
      <c r="E24" s="14" t="s">
        <v>6</v>
      </c>
      <c r="F24" s="14" t="s">
        <v>6</v>
      </c>
      <c r="G24" s="15">
        <v>0</v>
      </c>
      <c r="H24" s="15">
        <v>0</v>
      </c>
      <c r="I24" s="15">
        <v>0</v>
      </c>
      <c r="J24" s="15" t="s">
        <v>61</v>
      </c>
      <c r="K24" s="15" t="s">
        <v>61</v>
      </c>
      <c r="L24" s="15" t="s">
        <v>61</v>
      </c>
      <c r="M24" s="15" t="s">
        <v>61</v>
      </c>
      <c r="N24" s="15" t="s">
        <v>61</v>
      </c>
      <c r="O24" s="15" t="s">
        <v>61</v>
      </c>
      <c r="P24" s="15" t="s">
        <v>61</v>
      </c>
      <c r="Q24" s="15" t="s">
        <v>61</v>
      </c>
    </row>
    <row r="25" spans="1:17" ht="23.25" customHeight="1" x14ac:dyDescent="0.15">
      <c r="A25" s="13" t="s">
        <v>26</v>
      </c>
      <c r="B25" s="14" t="s">
        <v>6</v>
      </c>
      <c r="C25" s="14" t="s">
        <v>6</v>
      </c>
      <c r="D25" s="14" t="s">
        <v>6</v>
      </c>
      <c r="E25" s="14" t="s">
        <v>6</v>
      </c>
      <c r="F25" s="14" t="s">
        <v>6</v>
      </c>
      <c r="G25" s="15">
        <v>0</v>
      </c>
      <c r="H25" s="15">
        <v>0</v>
      </c>
      <c r="I25" s="15">
        <v>0</v>
      </c>
      <c r="J25" s="15" t="s">
        <v>61</v>
      </c>
      <c r="K25" s="15" t="s">
        <v>61</v>
      </c>
      <c r="L25" s="15" t="s">
        <v>61</v>
      </c>
      <c r="M25" s="15" t="s">
        <v>61</v>
      </c>
      <c r="N25" s="15" t="s">
        <v>61</v>
      </c>
      <c r="O25" s="15" t="s">
        <v>61</v>
      </c>
      <c r="P25" s="15" t="s">
        <v>61</v>
      </c>
      <c r="Q25" s="15" t="s">
        <v>61</v>
      </c>
    </row>
    <row r="26" spans="1:17" ht="23.25" customHeight="1" x14ac:dyDescent="0.15">
      <c r="A26" s="6" t="s">
        <v>27</v>
      </c>
      <c r="B26" s="16" t="s">
        <v>6</v>
      </c>
      <c r="C26" s="16" t="s">
        <v>6</v>
      </c>
      <c r="D26" s="16" t="s">
        <v>6</v>
      </c>
      <c r="E26" s="16" t="s">
        <v>6</v>
      </c>
      <c r="F26" s="16" t="s">
        <v>6</v>
      </c>
      <c r="G26" s="17">
        <v>33</v>
      </c>
      <c r="H26" s="17">
        <v>28</v>
      </c>
      <c r="I26" s="17">
        <v>16</v>
      </c>
      <c r="J26" s="17">
        <v>14</v>
      </c>
      <c r="K26" s="17">
        <v>14</v>
      </c>
      <c r="L26" s="17">
        <v>11</v>
      </c>
      <c r="M26" s="17">
        <v>11</v>
      </c>
      <c r="N26" s="17">
        <v>10</v>
      </c>
      <c r="O26" s="17">
        <v>10</v>
      </c>
      <c r="P26" s="17">
        <v>10</v>
      </c>
      <c r="Q26" s="17">
        <v>10</v>
      </c>
    </row>
    <row r="27" spans="1:17" ht="23.25" customHeight="1" x14ac:dyDescent="0.15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ht="20.100000000000001" customHeight="1" x14ac:dyDescent="0.2">
      <c r="A28" s="4"/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O28" s="18"/>
      <c r="P28" s="18"/>
      <c r="Q28" s="18"/>
    </row>
    <row r="29" spans="1:17" s="3" customFormat="1" ht="21.75" customHeight="1" x14ac:dyDescent="0.15">
      <c r="A29" s="3" t="s">
        <v>28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15">
      <c r="A30" s="6" t="s">
        <v>1</v>
      </c>
      <c r="B30" s="6" t="s">
        <v>2</v>
      </c>
      <c r="C30" s="6">
        <v>60</v>
      </c>
      <c r="D30" s="6" t="s">
        <v>3</v>
      </c>
      <c r="E30" s="6">
        <v>7</v>
      </c>
      <c r="F30" s="6">
        <v>12</v>
      </c>
      <c r="G30" s="6">
        <v>17</v>
      </c>
      <c r="H30" s="6">
        <v>22</v>
      </c>
      <c r="I30" s="6">
        <v>27</v>
      </c>
      <c r="J30" s="6">
        <v>30</v>
      </c>
      <c r="K30" s="6" t="s">
        <v>4</v>
      </c>
      <c r="L30" s="6">
        <v>2</v>
      </c>
      <c r="M30" s="6">
        <v>3</v>
      </c>
      <c r="N30" s="6">
        <v>4</v>
      </c>
      <c r="O30" s="6">
        <v>5</v>
      </c>
      <c r="P30" s="6">
        <v>6</v>
      </c>
      <c r="Q30" s="6">
        <v>7</v>
      </c>
    </row>
    <row r="31" spans="1:17" ht="23.25" customHeight="1" x14ac:dyDescent="0.15">
      <c r="A31" s="7" t="s">
        <v>29</v>
      </c>
      <c r="B31" s="8" t="s">
        <v>6</v>
      </c>
      <c r="C31" s="8" t="s">
        <v>6</v>
      </c>
      <c r="D31" s="8" t="s">
        <v>6</v>
      </c>
      <c r="E31" s="8" t="s">
        <v>6</v>
      </c>
      <c r="F31" s="8" t="s">
        <v>6</v>
      </c>
      <c r="G31" s="20">
        <v>1</v>
      </c>
      <c r="H31" s="20">
        <v>1</v>
      </c>
      <c r="I31" s="20">
        <v>1</v>
      </c>
      <c r="J31" s="20">
        <v>1</v>
      </c>
      <c r="K31" s="20">
        <v>0</v>
      </c>
      <c r="L31" s="20">
        <v>0</v>
      </c>
      <c r="M31" s="20">
        <v>0</v>
      </c>
      <c r="N31" s="20">
        <v>0</v>
      </c>
      <c r="O31" s="20">
        <v>0</v>
      </c>
      <c r="P31" s="20">
        <v>0</v>
      </c>
      <c r="Q31" s="20">
        <v>0</v>
      </c>
    </row>
    <row r="32" spans="1:17" ht="23.25" customHeight="1" x14ac:dyDescent="0.15">
      <c r="A32" s="10" t="s">
        <v>30</v>
      </c>
      <c r="B32" s="11" t="s">
        <v>6</v>
      </c>
      <c r="C32" s="11" t="s">
        <v>6</v>
      </c>
      <c r="D32" s="11" t="s">
        <v>6</v>
      </c>
      <c r="E32" s="11" t="s">
        <v>6</v>
      </c>
      <c r="F32" s="11" t="s">
        <v>6</v>
      </c>
      <c r="G32" s="21">
        <v>14</v>
      </c>
      <c r="H32" s="21">
        <v>12</v>
      </c>
      <c r="I32" s="21">
        <v>6</v>
      </c>
      <c r="J32" s="21">
        <v>6</v>
      </c>
      <c r="K32" s="21">
        <v>6</v>
      </c>
      <c r="L32" s="21">
        <v>5</v>
      </c>
      <c r="M32" s="21">
        <v>5</v>
      </c>
      <c r="N32" s="21">
        <v>5</v>
      </c>
      <c r="O32" s="21">
        <v>5</v>
      </c>
      <c r="P32" s="21">
        <v>5</v>
      </c>
      <c r="Q32" s="21">
        <v>5</v>
      </c>
    </row>
    <row r="33" spans="1:21" ht="23.25" customHeight="1" x14ac:dyDescent="0.15">
      <c r="A33" s="13" t="s">
        <v>31</v>
      </c>
      <c r="B33" s="14" t="s">
        <v>6</v>
      </c>
      <c r="C33" s="14" t="s">
        <v>6</v>
      </c>
      <c r="D33" s="14" t="s">
        <v>6</v>
      </c>
      <c r="E33" s="14" t="s">
        <v>6</v>
      </c>
      <c r="F33" s="14" t="s">
        <v>6</v>
      </c>
      <c r="G33" s="22">
        <v>18</v>
      </c>
      <c r="H33" s="22">
        <v>15</v>
      </c>
      <c r="I33" s="22">
        <v>9</v>
      </c>
      <c r="J33" s="22">
        <v>7</v>
      </c>
      <c r="K33" s="22">
        <v>8</v>
      </c>
      <c r="L33" s="22">
        <v>6</v>
      </c>
      <c r="M33" s="22">
        <v>6</v>
      </c>
      <c r="N33" s="22">
        <v>5</v>
      </c>
      <c r="O33" s="22">
        <v>5</v>
      </c>
      <c r="P33" s="22">
        <v>5</v>
      </c>
      <c r="Q33" s="22">
        <v>5</v>
      </c>
    </row>
    <row r="34" spans="1:21" ht="23.25" customHeight="1" x14ac:dyDescent="0.15">
      <c r="A34" s="6" t="s">
        <v>32</v>
      </c>
      <c r="B34" s="16" t="s">
        <v>6</v>
      </c>
      <c r="C34" s="16" t="s">
        <v>6</v>
      </c>
      <c r="D34" s="16" t="s">
        <v>6</v>
      </c>
      <c r="E34" s="16" t="s">
        <v>6</v>
      </c>
      <c r="F34" s="16" t="s">
        <v>6</v>
      </c>
      <c r="G34" s="23">
        <v>33</v>
      </c>
      <c r="H34" s="23">
        <v>28</v>
      </c>
      <c r="I34" s="23">
        <v>16</v>
      </c>
      <c r="J34" s="23">
        <v>14</v>
      </c>
      <c r="K34" s="23">
        <v>14</v>
      </c>
      <c r="L34" s="23">
        <v>11</v>
      </c>
      <c r="M34" s="23">
        <v>11</v>
      </c>
      <c r="N34" s="23">
        <v>10</v>
      </c>
      <c r="O34" s="23">
        <v>10</v>
      </c>
      <c r="P34" s="23">
        <v>10</v>
      </c>
      <c r="Q34" s="23">
        <v>10</v>
      </c>
    </row>
    <row r="35" spans="1:21" s="5" customFormat="1" ht="21.75" customHeight="1" x14ac:dyDescent="0.15">
      <c r="A35" s="24"/>
      <c r="B35" s="25"/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6"/>
      <c r="Q35" s="26"/>
    </row>
    <row r="36" spans="1:21" s="5" customFormat="1" ht="21.75" customHeight="1" x14ac:dyDescent="0.15">
      <c r="A36" s="27"/>
      <c r="B36" s="26"/>
      <c r="C36" s="26"/>
      <c r="D36" s="26"/>
      <c r="E36" s="26"/>
      <c r="F36" s="26"/>
      <c r="G36" s="26"/>
      <c r="H36" s="26"/>
      <c r="I36" s="26"/>
      <c r="J36" s="26"/>
      <c r="K36" s="26"/>
      <c r="L36" s="26"/>
      <c r="M36" s="26"/>
      <c r="N36" s="26"/>
      <c r="O36" s="26"/>
      <c r="P36" s="26"/>
      <c r="Q36" s="26"/>
    </row>
    <row r="37" spans="1:21" s="3" customFormat="1" ht="21.75" customHeight="1" x14ac:dyDescent="0.15">
      <c r="A37" s="28" t="s">
        <v>33</v>
      </c>
      <c r="B37" s="29"/>
      <c r="C37" s="29"/>
      <c r="D37" s="29"/>
      <c r="E37" s="29"/>
      <c r="F37" s="29"/>
      <c r="G37" s="29"/>
      <c r="H37" s="29"/>
      <c r="I37" s="29"/>
      <c r="J37" s="29"/>
      <c r="K37" s="29"/>
      <c r="L37" s="29"/>
      <c r="M37" s="29"/>
      <c r="N37" s="29"/>
      <c r="O37" s="29"/>
      <c r="P37" s="30"/>
      <c r="Q37" s="30"/>
    </row>
    <row r="38" spans="1:21" s="5" customFormat="1" ht="21.75" customHeight="1" x14ac:dyDescent="0.15">
      <c r="A38" s="6" t="s">
        <v>1</v>
      </c>
      <c r="B38" s="6" t="s">
        <v>2</v>
      </c>
      <c r="C38" s="6">
        <v>60</v>
      </c>
      <c r="D38" s="6" t="s">
        <v>3</v>
      </c>
      <c r="E38" s="6">
        <v>7</v>
      </c>
      <c r="F38" s="6">
        <v>12</v>
      </c>
      <c r="G38" s="6">
        <v>17</v>
      </c>
      <c r="H38" s="6">
        <v>22</v>
      </c>
      <c r="I38" s="6">
        <v>27</v>
      </c>
      <c r="J38" s="6">
        <v>30</v>
      </c>
      <c r="K38" s="6" t="s">
        <v>4</v>
      </c>
      <c r="L38" s="6">
        <v>2</v>
      </c>
      <c r="M38" s="6">
        <v>3</v>
      </c>
      <c r="N38" s="6">
        <v>4</v>
      </c>
      <c r="O38" s="6">
        <v>5</v>
      </c>
      <c r="P38" s="6">
        <v>6</v>
      </c>
      <c r="Q38" s="6">
        <v>7</v>
      </c>
    </row>
    <row r="39" spans="1:21" ht="23.25" customHeight="1" x14ac:dyDescent="0.15">
      <c r="A39" s="7" t="s">
        <v>29</v>
      </c>
      <c r="B39" s="31" t="s">
        <v>6</v>
      </c>
      <c r="C39" s="31" t="s">
        <v>6</v>
      </c>
      <c r="D39" s="31" t="s">
        <v>6</v>
      </c>
      <c r="E39" s="31" t="s">
        <v>6</v>
      </c>
      <c r="F39" s="31" t="s">
        <v>6</v>
      </c>
      <c r="G39" s="32">
        <v>3</v>
      </c>
      <c r="H39" s="32">
        <v>3.6</v>
      </c>
      <c r="I39" s="32">
        <v>6.3</v>
      </c>
      <c r="J39" s="32">
        <v>7.1</v>
      </c>
      <c r="K39" s="32">
        <v>0</v>
      </c>
      <c r="L39" s="32">
        <v>0</v>
      </c>
      <c r="M39" s="32">
        <v>0</v>
      </c>
      <c r="N39" s="32">
        <v>0</v>
      </c>
      <c r="O39" s="32">
        <v>0</v>
      </c>
      <c r="P39" s="32">
        <v>0</v>
      </c>
      <c r="Q39" s="32">
        <v>0</v>
      </c>
    </row>
    <row r="40" spans="1:21" ht="23.25" customHeight="1" x14ac:dyDescent="0.15">
      <c r="A40" s="10" t="s">
        <v>30</v>
      </c>
      <c r="B40" s="33" t="s">
        <v>6</v>
      </c>
      <c r="C40" s="33" t="s">
        <v>6</v>
      </c>
      <c r="D40" s="33" t="s">
        <v>6</v>
      </c>
      <c r="E40" s="33" t="s">
        <v>6</v>
      </c>
      <c r="F40" s="33" t="s">
        <v>6</v>
      </c>
      <c r="G40" s="34">
        <v>42.4</v>
      </c>
      <c r="H40" s="34">
        <v>42.9</v>
      </c>
      <c r="I40" s="34">
        <v>37.5</v>
      </c>
      <c r="J40" s="34">
        <v>42.9</v>
      </c>
      <c r="K40" s="34">
        <v>42.9</v>
      </c>
      <c r="L40" s="34">
        <v>45.5</v>
      </c>
      <c r="M40" s="34">
        <v>45.5</v>
      </c>
      <c r="N40" s="34">
        <v>50</v>
      </c>
      <c r="O40" s="34">
        <v>50</v>
      </c>
      <c r="P40" s="34">
        <v>50</v>
      </c>
      <c r="Q40" s="34">
        <v>50</v>
      </c>
    </row>
    <row r="41" spans="1:21" ht="23.25" customHeight="1" x14ac:dyDescent="0.15">
      <c r="A41" s="13" t="s">
        <v>31</v>
      </c>
      <c r="B41" s="35" t="s">
        <v>6</v>
      </c>
      <c r="C41" s="35" t="s">
        <v>6</v>
      </c>
      <c r="D41" s="35" t="s">
        <v>6</v>
      </c>
      <c r="E41" s="35" t="s">
        <v>6</v>
      </c>
      <c r="F41" s="35" t="s">
        <v>6</v>
      </c>
      <c r="G41" s="36">
        <v>54.5</v>
      </c>
      <c r="H41" s="36">
        <v>53.6</v>
      </c>
      <c r="I41" s="36">
        <v>56.3</v>
      </c>
      <c r="J41" s="36">
        <v>50</v>
      </c>
      <c r="K41" s="36">
        <v>57.1</v>
      </c>
      <c r="L41" s="36">
        <v>54.5</v>
      </c>
      <c r="M41" s="36">
        <v>54.5</v>
      </c>
      <c r="N41" s="36">
        <v>50</v>
      </c>
      <c r="O41" s="36">
        <v>50</v>
      </c>
      <c r="P41" s="36">
        <v>50</v>
      </c>
      <c r="Q41" s="36">
        <v>50</v>
      </c>
    </row>
    <row r="42" spans="1:21" ht="23.25" customHeight="1" x14ac:dyDescent="0.15">
      <c r="A42" s="37" t="s">
        <v>34</v>
      </c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5"/>
      <c r="P42" s="5"/>
      <c r="Q42" s="5"/>
      <c r="R42" s="5"/>
      <c r="S42" s="5"/>
      <c r="T42" s="5"/>
    </row>
    <row r="43" spans="1:21" ht="23.25" customHeight="1" x14ac:dyDescent="0.15">
      <c r="A43" s="38"/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</row>
    <row r="44" spans="1:21" ht="23.25" customHeight="1" x14ac:dyDescent="0.15">
      <c r="A44" s="38"/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</row>
    <row r="45" spans="1:21" ht="23.25" customHeight="1" x14ac:dyDescent="0.15">
      <c r="A45" s="38"/>
      <c r="B45" s="5"/>
      <c r="C45" s="5"/>
      <c r="D45" s="5"/>
      <c r="E45" s="5"/>
      <c r="F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</row>
    <row r="46" spans="1:21" ht="23.25" customHeight="1" x14ac:dyDescent="0.15">
      <c r="A46" s="38"/>
      <c r="B46" s="5"/>
      <c r="C46" s="5"/>
      <c r="D46" s="5"/>
      <c r="E46" s="5"/>
      <c r="F46" s="5"/>
      <c r="L46" s="5"/>
      <c r="M46" s="5"/>
      <c r="N46" s="5"/>
      <c r="O46" s="5"/>
      <c r="P46" s="5"/>
      <c r="Q46" s="5"/>
      <c r="R46" s="5"/>
      <c r="S46" s="5"/>
      <c r="T46" s="5"/>
    </row>
    <row r="47" spans="1:21" ht="23.25" customHeight="1" thickBot="1" x14ac:dyDescent="0.2">
      <c r="A47" s="5"/>
      <c r="B47" s="5"/>
      <c r="C47" s="5"/>
      <c r="D47" s="5"/>
      <c r="E47" s="5"/>
      <c r="F47" s="5"/>
      <c r="G47" s="5"/>
      <c r="L47" s="5"/>
      <c r="M47" s="5"/>
      <c r="N47" s="5"/>
      <c r="O47" s="5"/>
      <c r="P47" s="5"/>
      <c r="Q47" s="5"/>
      <c r="R47" s="5"/>
      <c r="S47" s="5"/>
      <c r="T47" s="5"/>
    </row>
    <row r="48" spans="1:21" ht="23.25" customHeight="1" thickTop="1" x14ac:dyDescent="0.15">
      <c r="A48" s="5"/>
      <c r="B48" s="5"/>
      <c r="C48" s="47" t="s">
        <v>35</v>
      </c>
      <c r="D48" s="48"/>
      <c r="E48" s="48"/>
      <c r="F48" s="49"/>
      <c r="J48" s="47" t="s">
        <v>36</v>
      </c>
      <c r="K48" s="48"/>
      <c r="L48" s="48"/>
      <c r="M48" s="48"/>
      <c r="N48" s="48"/>
      <c r="O48" s="49"/>
      <c r="P48" s="5"/>
      <c r="Q48" s="5"/>
      <c r="R48" s="5"/>
      <c r="S48" s="5"/>
      <c r="T48" s="5"/>
      <c r="U48" s="5"/>
    </row>
    <row r="49" spans="1:21" ht="23.25" customHeight="1" thickBot="1" x14ac:dyDescent="0.2">
      <c r="A49" s="5"/>
      <c r="B49" s="5"/>
      <c r="C49" s="50"/>
      <c r="D49" s="51"/>
      <c r="E49" s="51"/>
      <c r="F49" s="52"/>
      <c r="J49" s="50"/>
      <c r="K49" s="51"/>
      <c r="L49" s="51"/>
      <c r="M49" s="51"/>
      <c r="N49" s="51"/>
      <c r="O49" s="52"/>
      <c r="P49" s="5"/>
      <c r="Q49" s="5"/>
      <c r="R49" s="5"/>
      <c r="S49" s="5"/>
      <c r="T49" s="5"/>
      <c r="U49" s="5"/>
    </row>
    <row r="50" spans="1:21" ht="23.25" customHeight="1" thickTop="1" x14ac:dyDescent="0.2">
      <c r="A50" s="5"/>
      <c r="B50" s="5"/>
      <c r="C50" s="39"/>
      <c r="D50" s="39"/>
      <c r="E50" s="39"/>
      <c r="F50" s="5"/>
      <c r="L50" s="40"/>
      <c r="M50" s="40"/>
      <c r="N50" s="40"/>
      <c r="O50" s="5"/>
      <c r="P50" s="5"/>
      <c r="Q50" s="5"/>
      <c r="R50" s="5"/>
      <c r="S50" s="41"/>
      <c r="T50" s="5"/>
    </row>
    <row r="51" spans="1:21" ht="23.25" customHeight="1" x14ac:dyDescent="0.2">
      <c r="A51" s="5"/>
      <c r="B51" s="41"/>
      <c r="C51" s="41"/>
      <c r="D51" s="41"/>
      <c r="E51" s="41"/>
      <c r="F51" s="40"/>
      <c r="G51" s="40"/>
      <c r="H51" s="40"/>
      <c r="I51" s="40"/>
      <c r="J51" s="40"/>
      <c r="K51" s="40"/>
      <c r="L51" s="40"/>
      <c r="M51" s="40"/>
      <c r="N51" s="40"/>
      <c r="O51" s="5"/>
      <c r="P51" s="5"/>
      <c r="Q51" s="5"/>
      <c r="R51" s="5"/>
      <c r="S51" s="41"/>
      <c r="T51" s="5"/>
    </row>
    <row r="52" spans="1:21" ht="23.25" customHeight="1" x14ac:dyDescent="0.15">
      <c r="A52" s="5"/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</row>
    <row r="53" spans="1:21" ht="23.25" customHeight="1" x14ac:dyDescent="0.15">
      <c r="A53" s="5"/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</row>
    <row r="54" spans="1:21" ht="23.25" customHeight="1" x14ac:dyDescent="0.15">
      <c r="A54" s="5"/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  <c r="T54" s="5"/>
    </row>
    <row r="55" spans="1:21" ht="23.25" customHeight="1" x14ac:dyDescent="0.15">
      <c r="A55" s="5"/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  <c r="T55" s="5"/>
    </row>
    <row r="56" spans="1:21" ht="23.25" customHeight="1" x14ac:dyDescent="0.15">
      <c r="A56" s="5"/>
      <c r="B56" s="5"/>
      <c r="C56" s="5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  <c r="S56" s="5"/>
      <c r="T56" s="5"/>
    </row>
    <row r="57" spans="1:21" ht="23.25" customHeight="1" x14ac:dyDescent="0.15">
      <c r="A57" s="5"/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</row>
    <row r="58" spans="1:21" ht="23.25" customHeight="1" x14ac:dyDescent="0.15">
      <c r="A58" s="5"/>
      <c r="B58" s="5"/>
      <c r="C58" s="5"/>
      <c r="D58" s="5"/>
      <c r="E58" s="5"/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  <c r="R58" s="5"/>
      <c r="S58" s="5"/>
      <c r="T58" s="5"/>
    </row>
    <row r="59" spans="1:21" ht="23.25" customHeight="1" x14ac:dyDescent="0.15">
      <c r="A59" s="5"/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  <c r="S59" s="5"/>
      <c r="T59" s="5"/>
    </row>
    <row r="60" spans="1:21" ht="23.25" customHeight="1" x14ac:dyDescent="0.15">
      <c r="A60" s="5"/>
      <c r="B60" s="5"/>
      <c r="C60" s="5"/>
      <c r="D60" s="5"/>
      <c r="E60" s="5"/>
      <c r="F60" s="5"/>
      <c r="G60" s="5"/>
      <c r="H60" s="5"/>
      <c r="I60" s="5"/>
      <c r="J60" s="5"/>
      <c r="K60" s="5"/>
      <c r="L60" s="5"/>
      <c r="M60" s="5"/>
      <c r="N60" s="5"/>
      <c r="O60" s="5"/>
      <c r="P60" s="5"/>
      <c r="Q60" s="5"/>
      <c r="R60" s="5"/>
      <c r="S60" s="5"/>
      <c r="T60" s="5"/>
    </row>
    <row r="61" spans="1:21" ht="23.25" customHeight="1" x14ac:dyDescent="0.15">
      <c r="A61" s="5"/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</row>
    <row r="62" spans="1:21" ht="23.25" customHeight="1" x14ac:dyDescent="0.15">
      <c r="A62" s="5"/>
      <c r="B62" s="5"/>
      <c r="C62" s="5"/>
      <c r="D62" s="5"/>
      <c r="E62" s="5"/>
      <c r="F62" s="5"/>
      <c r="G62" s="5"/>
      <c r="H62" s="5"/>
      <c r="I62" s="5"/>
      <c r="J62" s="5"/>
      <c r="K62" s="5"/>
      <c r="L62" s="5"/>
      <c r="M62" s="5"/>
      <c r="N62" s="5"/>
      <c r="O62" s="5"/>
      <c r="P62" s="5"/>
      <c r="Q62" s="5"/>
      <c r="R62" s="5"/>
      <c r="S62" s="5"/>
      <c r="T62" s="5"/>
    </row>
    <row r="63" spans="1:21" ht="23.25" customHeight="1" x14ac:dyDescent="0.15">
      <c r="A63" s="5"/>
      <c r="B63" s="5"/>
      <c r="C63" s="5"/>
      <c r="D63" s="5"/>
      <c r="E63" s="5"/>
      <c r="F63" s="5"/>
      <c r="G63" s="5"/>
      <c r="H63" s="5"/>
      <c r="I63" s="5"/>
      <c r="J63" s="5"/>
      <c r="K63" s="5"/>
      <c r="L63" s="5"/>
      <c r="M63" s="5"/>
      <c r="N63" s="5"/>
      <c r="O63" s="5"/>
      <c r="P63" s="5"/>
      <c r="Q63" s="5"/>
      <c r="R63" s="5"/>
      <c r="S63" s="5"/>
      <c r="T63" s="5"/>
    </row>
    <row r="64" spans="1:21" ht="23.25" customHeight="1" x14ac:dyDescent="0.15">
      <c r="A64" s="5"/>
      <c r="B64" s="5"/>
      <c r="C64" s="5"/>
      <c r="D64" s="5"/>
      <c r="E64" s="5"/>
      <c r="F64" s="5"/>
      <c r="G64" s="5"/>
      <c r="H64" s="5"/>
      <c r="I64" s="5"/>
      <c r="J64" s="5"/>
      <c r="K64" s="5"/>
      <c r="L64" s="5"/>
      <c r="M64" s="5"/>
      <c r="N64" s="5"/>
      <c r="O64" s="5"/>
      <c r="P64" s="5"/>
      <c r="Q64" s="5"/>
      <c r="R64" s="5"/>
      <c r="S64" s="5"/>
      <c r="T64" s="5"/>
    </row>
    <row r="65" spans="1:20" ht="23.25" customHeight="1" x14ac:dyDescent="0.15">
      <c r="A65" s="5"/>
      <c r="B65" s="5"/>
      <c r="C65" s="5"/>
      <c r="D65" s="5"/>
      <c r="E65" s="5"/>
      <c r="F65" s="5"/>
      <c r="G65" s="5"/>
      <c r="H65" s="5"/>
      <c r="I65" s="5"/>
      <c r="J65" s="5"/>
      <c r="K65" s="5"/>
      <c r="L65" s="5"/>
      <c r="M65" s="5"/>
      <c r="N65" s="5"/>
      <c r="O65" s="5"/>
      <c r="P65" s="5"/>
      <c r="Q65" s="5"/>
      <c r="R65" s="5"/>
      <c r="S65" s="5"/>
      <c r="T65" s="5"/>
    </row>
    <row r="66" spans="1:20" ht="23.25" customHeight="1" x14ac:dyDescent="0.15">
      <c r="A66" s="5"/>
      <c r="B66" s="5"/>
      <c r="C66" s="5"/>
      <c r="D66" s="5"/>
      <c r="E66" s="5"/>
      <c r="F66" s="5"/>
      <c r="G66" s="5"/>
      <c r="H66" s="5"/>
      <c r="I66" s="5"/>
      <c r="J66" s="5"/>
      <c r="K66" s="5"/>
      <c r="L66" s="5"/>
      <c r="M66" s="5"/>
      <c r="N66" s="5"/>
      <c r="O66" s="5"/>
      <c r="P66" s="5"/>
      <c r="Q66" s="5"/>
      <c r="R66" s="5"/>
      <c r="S66" s="5"/>
      <c r="T66" s="5"/>
    </row>
    <row r="67" spans="1:20" ht="23.25" customHeight="1" x14ac:dyDescent="0.15">
      <c r="A67" s="5"/>
      <c r="B67" s="5"/>
      <c r="C67" s="5"/>
      <c r="D67" s="5"/>
      <c r="E67" s="5"/>
      <c r="F67" s="5"/>
      <c r="G67" s="5"/>
      <c r="H67" s="5"/>
      <c r="I67" s="5"/>
      <c r="J67" s="5"/>
      <c r="K67" s="5"/>
      <c r="L67" s="5"/>
      <c r="M67" s="5"/>
      <c r="N67" s="5"/>
      <c r="O67" s="5"/>
      <c r="P67" s="5"/>
      <c r="Q67" s="5"/>
      <c r="R67" s="5"/>
      <c r="S67" s="5"/>
      <c r="T67" s="5"/>
    </row>
    <row r="68" spans="1:20" ht="23.25" customHeight="1" x14ac:dyDescent="0.15">
      <c r="A68" s="5"/>
      <c r="B68" s="5"/>
      <c r="C68" s="5"/>
      <c r="D68" s="5"/>
      <c r="E68" s="5"/>
      <c r="F68" s="5"/>
      <c r="G68" s="5"/>
      <c r="H68" s="5"/>
      <c r="I68" s="5"/>
      <c r="J68" s="5"/>
      <c r="K68" s="5"/>
      <c r="L68" s="5"/>
      <c r="M68" s="5"/>
      <c r="N68" s="5"/>
      <c r="O68" s="5"/>
      <c r="P68" s="5"/>
      <c r="Q68" s="5"/>
      <c r="R68" s="5"/>
      <c r="S68" s="5"/>
      <c r="T68" s="5"/>
    </row>
    <row r="69" spans="1:20" ht="23.25" customHeight="1" x14ac:dyDescent="0.15">
      <c r="A69" s="5"/>
      <c r="B69" s="5"/>
      <c r="C69" s="5"/>
      <c r="D69" s="5"/>
      <c r="E69" s="5"/>
      <c r="F69" s="5"/>
      <c r="G69" s="5"/>
      <c r="H69" s="5"/>
      <c r="I69" s="5"/>
      <c r="J69" s="5"/>
      <c r="K69" s="5"/>
      <c r="L69" s="5"/>
      <c r="M69" s="5"/>
      <c r="N69" s="5"/>
      <c r="O69" s="5"/>
      <c r="P69" s="5"/>
      <c r="Q69" s="5"/>
      <c r="R69" s="5"/>
      <c r="S69" s="5"/>
      <c r="T69" s="5"/>
    </row>
    <row r="70" spans="1:20" ht="23.25" customHeight="1" x14ac:dyDescent="0.15">
      <c r="A70" s="5"/>
      <c r="B70" s="5"/>
      <c r="C70" s="5"/>
      <c r="D70" s="5"/>
      <c r="E70" s="5"/>
      <c r="F70" s="5"/>
      <c r="G70" s="5"/>
      <c r="H70" s="5"/>
      <c r="I70" s="5"/>
      <c r="J70" s="5"/>
      <c r="K70" s="5"/>
      <c r="L70" s="5"/>
      <c r="M70" s="5"/>
      <c r="N70" s="5"/>
      <c r="O70" s="5"/>
      <c r="P70" s="5"/>
      <c r="Q70" s="5"/>
      <c r="R70" s="5"/>
      <c r="S70" s="5"/>
      <c r="T70" s="5"/>
    </row>
    <row r="71" spans="1:20" ht="23.25" customHeight="1" x14ac:dyDescent="0.15">
      <c r="A71" s="5"/>
      <c r="B71" s="5"/>
      <c r="C71" s="5"/>
      <c r="D71" s="5"/>
      <c r="E71" s="5"/>
      <c r="F71" s="5"/>
      <c r="G71" s="5"/>
      <c r="H71" s="5"/>
      <c r="I71" s="5"/>
      <c r="J71" s="5"/>
      <c r="K71" s="5"/>
      <c r="L71" s="5"/>
      <c r="M71" s="5"/>
      <c r="N71" s="5"/>
      <c r="O71" s="5"/>
      <c r="P71" s="5"/>
      <c r="Q71" s="5"/>
      <c r="R71" s="5"/>
      <c r="S71" s="5"/>
      <c r="T71" s="5"/>
    </row>
    <row r="72" spans="1:20" ht="23.25" customHeight="1" x14ac:dyDescent="0.15">
      <c r="A72" s="5"/>
      <c r="B72" s="5"/>
      <c r="C72" s="5"/>
      <c r="D72" s="5"/>
      <c r="E72" s="5"/>
      <c r="F72" s="5"/>
      <c r="G72" s="5"/>
      <c r="H72" s="5"/>
      <c r="I72" s="5"/>
      <c r="J72" s="5"/>
      <c r="K72" s="5"/>
      <c r="L72" s="5"/>
      <c r="M72" s="5"/>
      <c r="N72" s="5"/>
      <c r="O72" s="5"/>
      <c r="P72" s="5"/>
      <c r="Q72" s="5"/>
      <c r="R72" s="5"/>
      <c r="S72" s="5"/>
      <c r="T72" s="5"/>
    </row>
    <row r="73" spans="1:20" ht="23.25" customHeight="1" x14ac:dyDescent="0.15">
      <c r="A73" s="5"/>
      <c r="B73" s="5"/>
      <c r="C73" s="5"/>
      <c r="D73" s="5"/>
      <c r="E73" s="5"/>
      <c r="F73" s="5"/>
      <c r="G73" s="5"/>
      <c r="H73" s="5"/>
      <c r="I73" s="5"/>
      <c r="J73" s="5"/>
      <c r="K73" s="5"/>
      <c r="L73" s="5"/>
      <c r="M73" s="5"/>
      <c r="N73" s="5"/>
      <c r="O73" s="5"/>
      <c r="P73" s="5"/>
      <c r="Q73" s="5"/>
      <c r="R73" s="5"/>
      <c r="S73" s="5"/>
      <c r="T73" s="5"/>
    </row>
    <row r="74" spans="1:20" ht="23.25" customHeight="1" x14ac:dyDescent="0.15">
      <c r="A74" s="5"/>
      <c r="B74" s="5"/>
      <c r="C74" s="5"/>
      <c r="D74" s="5"/>
      <c r="E74" s="5"/>
      <c r="F74" s="5"/>
      <c r="G74" s="5"/>
      <c r="H74" s="5"/>
      <c r="I74" s="5"/>
      <c r="J74" s="5"/>
      <c r="K74" s="5"/>
      <c r="L74" s="5"/>
      <c r="M74" s="5"/>
      <c r="N74" s="5"/>
      <c r="O74" s="5"/>
      <c r="P74" s="5"/>
      <c r="Q74" s="5"/>
      <c r="R74" s="5"/>
      <c r="S74" s="5"/>
      <c r="T74" s="5"/>
    </row>
    <row r="75" spans="1:20" ht="23.25" customHeight="1" x14ac:dyDescent="0.15">
      <c r="A75" s="5"/>
      <c r="B75" s="5"/>
      <c r="C75" s="5"/>
      <c r="D75" s="5"/>
      <c r="E75" s="5"/>
      <c r="F75" s="5"/>
      <c r="G75" s="5"/>
      <c r="H75" s="5"/>
      <c r="I75" s="5"/>
      <c r="J75" s="5"/>
      <c r="K75" s="5"/>
      <c r="L75" s="5"/>
      <c r="M75" s="5"/>
      <c r="N75" s="5"/>
      <c r="O75" s="5"/>
      <c r="P75" s="5"/>
      <c r="Q75" s="5"/>
      <c r="R75" s="5"/>
      <c r="S75" s="5"/>
      <c r="T75" s="5"/>
    </row>
    <row r="76" spans="1:20" ht="23.25" customHeight="1" x14ac:dyDescent="0.15">
      <c r="A76" s="5"/>
      <c r="B76" s="5"/>
      <c r="C76" s="5"/>
      <c r="D76" s="5"/>
      <c r="E76" s="5"/>
      <c r="F76" s="5"/>
      <c r="G76" s="5"/>
      <c r="H76" s="5"/>
      <c r="I76" s="5"/>
      <c r="J76" s="5"/>
      <c r="K76" s="5"/>
      <c r="L76" s="5"/>
      <c r="M76" s="5"/>
      <c r="N76" s="5"/>
      <c r="O76" s="5"/>
      <c r="P76" s="5"/>
      <c r="Q76" s="5"/>
      <c r="R76" s="5"/>
      <c r="S76" s="5"/>
      <c r="T76" s="5"/>
    </row>
    <row r="77" spans="1:20" ht="23.25" customHeight="1" x14ac:dyDescent="0.15">
      <c r="A77" s="5"/>
      <c r="B77" s="5"/>
      <c r="C77" s="5"/>
      <c r="D77" s="5"/>
      <c r="E77" s="5"/>
      <c r="F77" s="5"/>
      <c r="G77" s="5"/>
      <c r="H77" s="5"/>
      <c r="I77" s="5"/>
      <c r="J77" s="5"/>
      <c r="K77" s="5"/>
      <c r="L77" s="5"/>
      <c r="M77" s="5"/>
      <c r="N77" s="5"/>
      <c r="O77" s="5"/>
      <c r="P77" s="5"/>
      <c r="Q77" s="5"/>
      <c r="R77" s="5"/>
      <c r="S77" s="5"/>
      <c r="T77" s="5"/>
    </row>
    <row r="78" spans="1:20" ht="23.25" customHeight="1" x14ac:dyDescent="0.15">
      <c r="A78" s="5"/>
      <c r="B78" s="5"/>
      <c r="C78" s="5"/>
      <c r="D78" s="5"/>
      <c r="E78" s="5"/>
      <c r="F78" s="5"/>
      <c r="G78" s="5"/>
      <c r="H78" s="5"/>
      <c r="I78" s="5"/>
      <c r="J78" s="5"/>
      <c r="K78" s="5"/>
      <c r="L78" s="5"/>
      <c r="M78" s="5"/>
      <c r="N78" s="5"/>
      <c r="O78" s="5"/>
      <c r="P78" s="5"/>
      <c r="Q78" s="5"/>
      <c r="R78" s="5"/>
      <c r="S78" s="5"/>
      <c r="T78" s="5"/>
    </row>
    <row r="79" spans="1:20" ht="23.25" customHeight="1" x14ac:dyDescent="0.15">
      <c r="A79" s="5"/>
      <c r="B79" s="5"/>
      <c r="C79" s="5"/>
      <c r="D79" s="5"/>
      <c r="E79" s="5"/>
      <c r="F79" s="5"/>
      <c r="G79" s="5"/>
      <c r="H79" s="5"/>
      <c r="I79" s="5"/>
      <c r="J79" s="5"/>
      <c r="K79" s="5"/>
      <c r="L79" s="5"/>
      <c r="M79" s="5"/>
      <c r="N79" s="5"/>
      <c r="O79" s="5"/>
      <c r="P79" s="5"/>
      <c r="Q79" s="5"/>
      <c r="R79" s="5"/>
      <c r="S79" s="5"/>
      <c r="T79" s="5"/>
    </row>
    <row r="80" spans="1:20" ht="23.25" customHeight="1" x14ac:dyDescent="0.15">
      <c r="A80" s="5"/>
      <c r="B80" s="5"/>
      <c r="C80" s="5"/>
      <c r="D80" s="5"/>
      <c r="E80" s="5"/>
      <c r="F80" s="5"/>
      <c r="G80" s="5"/>
      <c r="H80" s="5"/>
      <c r="I80" s="5"/>
      <c r="J80" s="5"/>
      <c r="K80" s="5"/>
      <c r="L80" s="5"/>
      <c r="M80" s="5"/>
      <c r="N80" s="5"/>
      <c r="O80" s="5"/>
      <c r="P80" s="5"/>
      <c r="Q80" s="5"/>
      <c r="R80" s="5"/>
      <c r="S80" s="5"/>
      <c r="T80" s="5"/>
    </row>
    <row r="81" spans="1:20" ht="21.75" customHeight="1" x14ac:dyDescent="0.15">
      <c r="A81" s="5"/>
      <c r="B81" s="5"/>
      <c r="C81" s="5"/>
      <c r="D81" s="5"/>
      <c r="E81" s="5"/>
      <c r="F81" s="5"/>
      <c r="G81" s="5"/>
      <c r="H81" s="5"/>
      <c r="I81" s="5"/>
      <c r="J81" s="5"/>
      <c r="K81" s="5"/>
      <c r="L81" s="5"/>
      <c r="M81" s="5"/>
      <c r="N81" s="5"/>
      <c r="O81" s="5"/>
      <c r="P81" s="5"/>
      <c r="Q81" s="5"/>
      <c r="R81" s="5"/>
      <c r="S81" s="5"/>
      <c r="T81" s="5"/>
    </row>
    <row r="82" spans="1:20" ht="21.75" customHeight="1" x14ac:dyDescent="0.15">
      <c r="A82" s="3" t="s">
        <v>37</v>
      </c>
      <c r="B82" s="4"/>
      <c r="C82" s="4"/>
      <c r="D82" s="4"/>
      <c r="E82" s="4"/>
      <c r="F82" s="4"/>
      <c r="G82" s="4"/>
      <c r="H82" s="4"/>
      <c r="I82" s="4"/>
      <c r="J82" s="4"/>
      <c r="K82" s="4"/>
      <c r="L82" s="4"/>
      <c r="M82" s="4"/>
      <c r="N82" s="4"/>
      <c r="O82" s="5"/>
      <c r="P82" s="5"/>
      <c r="Q82" s="5"/>
      <c r="R82" s="5"/>
      <c r="S82" s="5"/>
      <c r="T82" s="5"/>
    </row>
    <row r="83" spans="1:20" ht="21.75" customHeight="1" x14ac:dyDescent="0.15">
      <c r="A83" s="6" t="s">
        <v>1</v>
      </c>
      <c r="B83" s="6" t="s">
        <v>2</v>
      </c>
      <c r="C83" s="6">
        <v>60</v>
      </c>
      <c r="D83" s="6" t="s">
        <v>3</v>
      </c>
      <c r="E83" s="6">
        <v>7</v>
      </c>
      <c r="F83" s="6">
        <v>12</v>
      </c>
      <c r="G83" s="6">
        <v>17</v>
      </c>
      <c r="H83" s="6">
        <v>22</v>
      </c>
      <c r="I83" s="6">
        <v>27</v>
      </c>
      <c r="J83" s="6">
        <v>30</v>
      </c>
      <c r="K83" s="6" t="s">
        <v>4</v>
      </c>
      <c r="L83" s="6">
        <v>2</v>
      </c>
      <c r="M83" s="6">
        <v>3</v>
      </c>
      <c r="N83" s="6">
        <v>4</v>
      </c>
      <c r="O83" s="6">
        <v>5</v>
      </c>
      <c r="P83" s="6">
        <v>6</v>
      </c>
      <c r="Q83" s="6">
        <v>7</v>
      </c>
    </row>
    <row r="84" spans="1:20" ht="21.75" customHeight="1" x14ac:dyDescent="0.15">
      <c r="A84" s="7" t="s">
        <v>5</v>
      </c>
      <c r="B84" s="8" t="s">
        <v>6</v>
      </c>
      <c r="C84" s="8" t="s">
        <v>6</v>
      </c>
      <c r="D84" s="8" t="s">
        <v>6</v>
      </c>
      <c r="E84" s="8" t="s">
        <v>6</v>
      </c>
      <c r="F84" s="8" t="s">
        <v>6</v>
      </c>
      <c r="G84" s="9">
        <v>0</v>
      </c>
      <c r="H84" s="9">
        <v>0</v>
      </c>
      <c r="I84" s="9">
        <v>0</v>
      </c>
      <c r="J84" s="9" t="s">
        <v>61</v>
      </c>
      <c r="K84" s="9" t="s">
        <v>61</v>
      </c>
      <c r="L84" s="9" t="s">
        <v>61</v>
      </c>
      <c r="M84" s="9" t="s">
        <v>61</v>
      </c>
      <c r="N84" s="9" t="s">
        <v>61</v>
      </c>
      <c r="O84" s="9" t="s">
        <v>61</v>
      </c>
      <c r="P84" s="9" t="s">
        <v>61</v>
      </c>
      <c r="Q84" s="9" t="s">
        <v>61</v>
      </c>
    </row>
    <row r="85" spans="1:20" ht="21.75" customHeight="1" x14ac:dyDescent="0.15">
      <c r="A85" s="7" t="s">
        <v>7</v>
      </c>
      <c r="B85" s="8" t="s">
        <v>6</v>
      </c>
      <c r="C85" s="8" t="s">
        <v>6</v>
      </c>
      <c r="D85" s="8" t="s">
        <v>6</v>
      </c>
      <c r="E85" s="8" t="s">
        <v>6</v>
      </c>
      <c r="F85" s="8" t="s">
        <v>6</v>
      </c>
      <c r="G85" s="9">
        <v>0</v>
      </c>
      <c r="H85" s="9">
        <v>0</v>
      </c>
      <c r="I85" s="9">
        <v>0</v>
      </c>
      <c r="J85" s="9" t="s">
        <v>61</v>
      </c>
      <c r="K85" s="9" t="s">
        <v>61</v>
      </c>
      <c r="L85" s="9" t="s">
        <v>61</v>
      </c>
      <c r="M85" s="9" t="s">
        <v>61</v>
      </c>
      <c r="N85" s="9" t="s">
        <v>61</v>
      </c>
      <c r="O85" s="9" t="s">
        <v>61</v>
      </c>
      <c r="P85" s="9" t="s">
        <v>61</v>
      </c>
      <c r="Q85" s="9" t="s">
        <v>61</v>
      </c>
    </row>
    <row r="86" spans="1:20" ht="21.75" customHeight="1" x14ac:dyDescent="0.15">
      <c r="A86" s="7" t="s">
        <v>8</v>
      </c>
      <c r="B86" s="8" t="s">
        <v>6</v>
      </c>
      <c r="C86" s="8" t="s">
        <v>6</v>
      </c>
      <c r="D86" s="8" t="s">
        <v>6</v>
      </c>
      <c r="E86" s="8" t="s">
        <v>6</v>
      </c>
      <c r="F86" s="8" t="s">
        <v>6</v>
      </c>
      <c r="G86" s="9">
        <v>0</v>
      </c>
      <c r="H86" s="9">
        <v>0</v>
      </c>
      <c r="I86" s="9">
        <v>0</v>
      </c>
      <c r="J86" s="9" t="s">
        <v>61</v>
      </c>
      <c r="K86" s="9" t="s">
        <v>61</v>
      </c>
      <c r="L86" s="9" t="s">
        <v>61</v>
      </c>
      <c r="M86" s="9" t="s">
        <v>61</v>
      </c>
      <c r="N86" s="9" t="s">
        <v>61</v>
      </c>
      <c r="O86" s="9" t="s">
        <v>61</v>
      </c>
      <c r="P86" s="9" t="s">
        <v>61</v>
      </c>
      <c r="Q86" s="9" t="s">
        <v>61</v>
      </c>
    </row>
    <row r="87" spans="1:20" ht="21.75" customHeight="1" x14ac:dyDescent="0.15">
      <c r="A87" s="10" t="s">
        <v>9</v>
      </c>
      <c r="B87" s="11" t="s">
        <v>6</v>
      </c>
      <c r="C87" s="11" t="s">
        <v>6</v>
      </c>
      <c r="D87" s="11" t="s">
        <v>6</v>
      </c>
      <c r="E87" s="11" t="s">
        <v>6</v>
      </c>
      <c r="F87" s="11" t="s">
        <v>6</v>
      </c>
      <c r="G87" s="12">
        <v>0</v>
      </c>
      <c r="H87" s="12">
        <v>0</v>
      </c>
      <c r="I87" s="12">
        <v>0</v>
      </c>
      <c r="J87" s="12" t="s">
        <v>61</v>
      </c>
      <c r="K87" s="12" t="s">
        <v>61</v>
      </c>
      <c r="L87" s="12" t="s">
        <v>61</v>
      </c>
      <c r="M87" s="12" t="s">
        <v>61</v>
      </c>
      <c r="N87" s="12" t="s">
        <v>61</v>
      </c>
      <c r="O87" s="12" t="s">
        <v>61</v>
      </c>
      <c r="P87" s="12" t="s">
        <v>61</v>
      </c>
      <c r="Q87" s="12" t="s">
        <v>61</v>
      </c>
    </row>
    <row r="88" spans="1:20" ht="21.75" customHeight="1" x14ac:dyDescent="0.15">
      <c r="A88" s="10" t="s">
        <v>10</v>
      </c>
      <c r="B88" s="11" t="s">
        <v>6</v>
      </c>
      <c r="C88" s="11" t="s">
        <v>6</v>
      </c>
      <c r="D88" s="11" t="s">
        <v>6</v>
      </c>
      <c r="E88" s="11" t="s">
        <v>6</v>
      </c>
      <c r="F88" s="11" t="s">
        <v>6</v>
      </c>
      <c r="G88" s="12">
        <v>0</v>
      </c>
      <c r="H88" s="12">
        <v>0</v>
      </c>
      <c r="I88" s="12">
        <v>0</v>
      </c>
      <c r="J88" s="12" t="s">
        <v>61</v>
      </c>
      <c r="K88" s="12" t="s">
        <v>61</v>
      </c>
      <c r="L88" s="12" t="s">
        <v>61</v>
      </c>
      <c r="M88" s="12" t="s">
        <v>61</v>
      </c>
      <c r="N88" s="12" t="s">
        <v>61</v>
      </c>
      <c r="O88" s="12" t="s">
        <v>61</v>
      </c>
      <c r="P88" s="12" t="s">
        <v>61</v>
      </c>
      <c r="Q88" s="12" t="s">
        <v>61</v>
      </c>
    </row>
    <row r="89" spans="1:20" ht="21.75" customHeight="1" x14ac:dyDescent="0.15">
      <c r="A89" s="10" t="s">
        <v>11</v>
      </c>
      <c r="B89" s="11" t="s">
        <v>6</v>
      </c>
      <c r="C89" s="11" t="s">
        <v>6</v>
      </c>
      <c r="D89" s="11" t="s">
        <v>6</v>
      </c>
      <c r="E89" s="11" t="s">
        <v>6</v>
      </c>
      <c r="F89" s="11" t="s">
        <v>6</v>
      </c>
      <c r="G89" s="12">
        <v>0</v>
      </c>
      <c r="H89" s="12">
        <v>1</v>
      </c>
      <c r="I89" s="12">
        <v>0</v>
      </c>
      <c r="J89" s="12" t="s">
        <v>61</v>
      </c>
      <c r="K89" s="12" t="s">
        <v>61</v>
      </c>
      <c r="L89" s="12" t="s">
        <v>61</v>
      </c>
      <c r="M89" s="12" t="s">
        <v>61</v>
      </c>
      <c r="N89" s="12" t="s">
        <v>61</v>
      </c>
      <c r="O89" s="12" t="s">
        <v>61</v>
      </c>
      <c r="P89" s="12" t="s">
        <v>61</v>
      </c>
      <c r="Q89" s="12" t="s">
        <v>61</v>
      </c>
    </row>
    <row r="90" spans="1:20" ht="21.75" customHeight="1" x14ac:dyDescent="0.15">
      <c r="A90" s="10" t="s">
        <v>12</v>
      </c>
      <c r="B90" s="11" t="s">
        <v>6</v>
      </c>
      <c r="C90" s="11" t="s">
        <v>6</v>
      </c>
      <c r="D90" s="11" t="s">
        <v>6</v>
      </c>
      <c r="E90" s="11" t="s">
        <v>6</v>
      </c>
      <c r="F90" s="11" t="s">
        <v>6</v>
      </c>
      <c r="G90" s="12">
        <v>1</v>
      </c>
      <c r="H90" s="12">
        <v>0</v>
      </c>
      <c r="I90" s="12">
        <v>0</v>
      </c>
      <c r="J90" s="12" t="s">
        <v>61</v>
      </c>
      <c r="K90" s="12" t="s">
        <v>61</v>
      </c>
      <c r="L90" s="12" t="s">
        <v>61</v>
      </c>
      <c r="M90" s="12" t="s">
        <v>61</v>
      </c>
      <c r="N90" s="12" t="s">
        <v>61</v>
      </c>
      <c r="O90" s="12" t="s">
        <v>61</v>
      </c>
      <c r="P90" s="12" t="s">
        <v>61</v>
      </c>
      <c r="Q90" s="12" t="s">
        <v>61</v>
      </c>
    </row>
    <row r="91" spans="1:20" ht="21.75" customHeight="1" x14ac:dyDescent="0.15">
      <c r="A91" s="10" t="s">
        <v>13</v>
      </c>
      <c r="B91" s="11" t="s">
        <v>6</v>
      </c>
      <c r="C91" s="11" t="s">
        <v>6</v>
      </c>
      <c r="D91" s="11" t="s">
        <v>6</v>
      </c>
      <c r="E91" s="11" t="s">
        <v>6</v>
      </c>
      <c r="F91" s="11" t="s">
        <v>6</v>
      </c>
      <c r="G91" s="12">
        <v>1</v>
      </c>
      <c r="H91" s="12">
        <v>0</v>
      </c>
      <c r="I91" s="12">
        <v>0</v>
      </c>
      <c r="J91" s="12" t="s">
        <v>61</v>
      </c>
      <c r="K91" s="12" t="s">
        <v>61</v>
      </c>
      <c r="L91" s="12" t="s">
        <v>61</v>
      </c>
      <c r="M91" s="12" t="s">
        <v>61</v>
      </c>
      <c r="N91" s="12" t="s">
        <v>61</v>
      </c>
      <c r="O91" s="12" t="s">
        <v>61</v>
      </c>
      <c r="P91" s="12" t="s">
        <v>61</v>
      </c>
      <c r="Q91" s="12" t="s">
        <v>61</v>
      </c>
    </row>
    <row r="92" spans="1:20" ht="21.75" customHeight="1" x14ac:dyDescent="0.15">
      <c r="A92" s="10" t="s">
        <v>14</v>
      </c>
      <c r="B92" s="11" t="s">
        <v>6</v>
      </c>
      <c r="C92" s="11" t="s">
        <v>6</v>
      </c>
      <c r="D92" s="11" t="s">
        <v>6</v>
      </c>
      <c r="E92" s="11" t="s">
        <v>6</v>
      </c>
      <c r="F92" s="11" t="s">
        <v>6</v>
      </c>
      <c r="G92" s="12">
        <v>0</v>
      </c>
      <c r="H92" s="12">
        <v>2</v>
      </c>
      <c r="I92" s="12">
        <v>0</v>
      </c>
      <c r="J92" s="12" t="s">
        <v>61</v>
      </c>
      <c r="K92" s="12" t="s">
        <v>61</v>
      </c>
      <c r="L92" s="12" t="s">
        <v>61</v>
      </c>
      <c r="M92" s="12" t="s">
        <v>61</v>
      </c>
      <c r="N92" s="12" t="s">
        <v>61</v>
      </c>
      <c r="O92" s="12" t="s">
        <v>61</v>
      </c>
      <c r="P92" s="12" t="s">
        <v>61</v>
      </c>
      <c r="Q92" s="12" t="s">
        <v>61</v>
      </c>
    </row>
    <row r="93" spans="1:20" ht="21.75" customHeight="1" x14ac:dyDescent="0.15">
      <c r="A93" s="10" t="s">
        <v>15</v>
      </c>
      <c r="B93" s="11" t="s">
        <v>6</v>
      </c>
      <c r="C93" s="11" t="s">
        <v>6</v>
      </c>
      <c r="D93" s="11" t="s">
        <v>6</v>
      </c>
      <c r="E93" s="11" t="s">
        <v>6</v>
      </c>
      <c r="F93" s="11" t="s">
        <v>6</v>
      </c>
      <c r="G93" s="12">
        <v>1</v>
      </c>
      <c r="H93" s="12">
        <v>0</v>
      </c>
      <c r="I93" s="12">
        <v>2</v>
      </c>
      <c r="J93" s="12" t="s">
        <v>61</v>
      </c>
      <c r="K93" s="12" t="s">
        <v>61</v>
      </c>
      <c r="L93" s="12" t="s">
        <v>61</v>
      </c>
      <c r="M93" s="12" t="s">
        <v>61</v>
      </c>
      <c r="N93" s="12" t="s">
        <v>61</v>
      </c>
      <c r="O93" s="12" t="s">
        <v>61</v>
      </c>
      <c r="P93" s="12" t="s">
        <v>61</v>
      </c>
      <c r="Q93" s="12" t="s">
        <v>61</v>
      </c>
    </row>
    <row r="94" spans="1:20" ht="21.75" customHeight="1" x14ac:dyDescent="0.15">
      <c r="A94" s="10" t="s">
        <v>16</v>
      </c>
      <c r="B94" s="11" t="s">
        <v>6</v>
      </c>
      <c r="C94" s="11" t="s">
        <v>6</v>
      </c>
      <c r="D94" s="11" t="s">
        <v>6</v>
      </c>
      <c r="E94" s="11" t="s">
        <v>6</v>
      </c>
      <c r="F94" s="11" t="s">
        <v>6</v>
      </c>
      <c r="G94" s="12">
        <v>2</v>
      </c>
      <c r="H94" s="12">
        <v>1</v>
      </c>
      <c r="I94" s="12">
        <v>0</v>
      </c>
      <c r="J94" s="12" t="s">
        <v>61</v>
      </c>
      <c r="K94" s="12" t="s">
        <v>61</v>
      </c>
      <c r="L94" s="12" t="s">
        <v>61</v>
      </c>
      <c r="M94" s="12" t="s">
        <v>61</v>
      </c>
      <c r="N94" s="12" t="s">
        <v>61</v>
      </c>
      <c r="O94" s="12" t="s">
        <v>61</v>
      </c>
      <c r="P94" s="12" t="s">
        <v>61</v>
      </c>
      <c r="Q94" s="12" t="s">
        <v>61</v>
      </c>
    </row>
    <row r="95" spans="1:20" ht="21.75" customHeight="1" x14ac:dyDescent="0.15">
      <c r="A95" s="10" t="s">
        <v>17</v>
      </c>
      <c r="B95" s="11" t="s">
        <v>6</v>
      </c>
      <c r="C95" s="11" t="s">
        <v>6</v>
      </c>
      <c r="D95" s="11" t="s">
        <v>6</v>
      </c>
      <c r="E95" s="11" t="s">
        <v>6</v>
      </c>
      <c r="F95" s="11" t="s">
        <v>6</v>
      </c>
      <c r="G95" s="12">
        <v>0</v>
      </c>
      <c r="H95" s="12">
        <v>2</v>
      </c>
      <c r="I95" s="12">
        <v>0</v>
      </c>
      <c r="J95" s="12" t="s">
        <v>61</v>
      </c>
      <c r="K95" s="12" t="s">
        <v>61</v>
      </c>
      <c r="L95" s="12" t="s">
        <v>61</v>
      </c>
      <c r="M95" s="12" t="s">
        <v>61</v>
      </c>
      <c r="N95" s="12" t="s">
        <v>61</v>
      </c>
      <c r="O95" s="12" t="s">
        <v>61</v>
      </c>
      <c r="P95" s="12" t="s">
        <v>61</v>
      </c>
      <c r="Q95" s="12" t="s">
        <v>61</v>
      </c>
    </row>
    <row r="96" spans="1:20" ht="21.75" customHeight="1" x14ac:dyDescent="0.15">
      <c r="A96" s="10" t="s">
        <v>18</v>
      </c>
      <c r="B96" s="11" t="s">
        <v>6</v>
      </c>
      <c r="C96" s="11" t="s">
        <v>6</v>
      </c>
      <c r="D96" s="11" t="s">
        <v>6</v>
      </c>
      <c r="E96" s="11" t="s">
        <v>6</v>
      </c>
      <c r="F96" s="11" t="s">
        <v>6</v>
      </c>
      <c r="G96" s="12">
        <v>0</v>
      </c>
      <c r="H96" s="12">
        <v>0</v>
      </c>
      <c r="I96" s="12">
        <v>1</v>
      </c>
      <c r="J96" s="12" t="s">
        <v>61</v>
      </c>
      <c r="K96" s="12" t="s">
        <v>61</v>
      </c>
      <c r="L96" s="12" t="s">
        <v>61</v>
      </c>
      <c r="M96" s="12" t="s">
        <v>61</v>
      </c>
      <c r="N96" s="12" t="s">
        <v>61</v>
      </c>
      <c r="O96" s="12" t="s">
        <v>61</v>
      </c>
      <c r="P96" s="12" t="s">
        <v>61</v>
      </c>
      <c r="Q96" s="12" t="s">
        <v>61</v>
      </c>
    </row>
    <row r="97" spans="1:17" ht="21.75" customHeight="1" x14ac:dyDescent="0.15">
      <c r="A97" s="13" t="s">
        <v>19</v>
      </c>
      <c r="B97" s="14" t="s">
        <v>6</v>
      </c>
      <c r="C97" s="14" t="s">
        <v>6</v>
      </c>
      <c r="D97" s="14" t="s">
        <v>6</v>
      </c>
      <c r="E97" s="14" t="s">
        <v>6</v>
      </c>
      <c r="F97" s="14" t="s">
        <v>6</v>
      </c>
      <c r="G97" s="15">
        <v>2</v>
      </c>
      <c r="H97" s="15">
        <v>0</v>
      </c>
      <c r="I97" s="15">
        <v>0</v>
      </c>
      <c r="J97" s="15" t="s">
        <v>61</v>
      </c>
      <c r="K97" s="15" t="s">
        <v>61</v>
      </c>
      <c r="L97" s="15" t="s">
        <v>61</v>
      </c>
      <c r="M97" s="15" t="s">
        <v>61</v>
      </c>
      <c r="N97" s="15" t="s">
        <v>61</v>
      </c>
      <c r="O97" s="15" t="s">
        <v>61</v>
      </c>
      <c r="P97" s="15" t="s">
        <v>61</v>
      </c>
      <c r="Q97" s="15" t="s">
        <v>61</v>
      </c>
    </row>
    <row r="98" spans="1:17" ht="21.75" customHeight="1" x14ac:dyDescent="0.15">
      <c r="A98" s="13" t="s">
        <v>20</v>
      </c>
      <c r="B98" s="14" t="s">
        <v>6</v>
      </c>
      <c r="C98" s="14" t="s">
        <v>6</v>
      </c>
      <c r="D98" s="14" t="s">
        <v>6</v>
      </c>
      <c r="E98" s="14" t="s">
        <v>6</v>
      </c>
      <c r="F98" s="14" t="s">
        <v>6</v>
      </c>
      <c r="G98" s="15">
        <v>2</v>
      </c>
      <c r="H98" s="15">
        <v>1</v>
      </c>
      <c r="I98" s="15">
        <v>0</v>
      </c>
      <c r="J98" s="15" t="s">
        <v>61</v>
      </c>
      <c r="K98" s="15" t="s">
        <v>61</v>
      </c>
      <c r="L98" s="15" t="s">
        <v>61</v>
      </c>
      <c r="M98" s="15" t="s">
        <v>61</v>
      </c>
      <c r="N98" s="15" t="s">
        <v>61</v>
      </c>
      <c r="O98" s="15" t="s">
        <v>61</v>
      </c>
      <c r="P98" s="15" t="s">
        <v>61</v>
      </c>
      <c r="Q98" s="15" t="s">
        <v>61</v>
      </c>
    </row>
    <row r="99" spans="1:17" ht="21.75" customHeight="1" x14ac:dyDescent="0.15">
      <c r="A99" s="13" t="s">
        <v>21</v>
      </c>
      <c r="B99" s="14" t="s">
        <v>6</v>
      </c>
      <c r="C99" s="14" t="s">
        <v>6</v>
      </c>
      <c r="D99" s="14" t="s">
        <v>6</v>
      </c>
      <c r="E99" s="14" t="s">
        <v>6</v>
      </c>
      <c r="F99" s="14" t="s">
        <v>6</v>
      </c>
      <c r="G99" s="15">
        <v>2</v>
      </c>
      <c r="H99" s="15">
        <v>1</v>
      </c>
      <c r="I99" s="15">
        <v>1</v>
      </c>
      <c r="J99" s="15" t="s">
        <v>61</v>
      </c>
      <c r="K99" s="15" t="s">
        <v>61</v>
      </c>
      <c r="L99" s="15" t="s">
        <v>61</v>
      </c>
      <c r="M99" s="15" t="s">
        <v>61</v>
      </c>
      <c r="N99" s="15" t="s">
        <v>61</v>
      </c>
      <c r="O99" s="15" t="s">
        <v>61</v>
      </c>
      <c r="P99" s="15" t="s">
        <v>61</v>
      </c>
      <c r="Q99" s="15" t="s">
        <v>61</v>
      </c>
    </row>
    <row r="100" spans="1:17" ht="21.75" customHeight="1" x14ac:dyDescent="0.15">
      <c r="A100" s="13" t="s">
        <v>22</v>
      </c>
      <c r="B100" s="14" t="s">
        <v>6</v>
      </c>
      <c r="C100" s="14" t="s">
        <v>6</v>
      </c>
      <c r="D100" s="14" t="s">
        <v>6</v>
      </c>
      <c r="E100" s="14" t="s">
        <v>6</v>
      </c>
      <c r="F100" s="14" t="s">
        <v>6</v>
      </c>
      <c r="G100" s="15">
        <v>2</v>
      </c>
      <c r="H100" s="15">
        <v>1</v>
      </c>
      <c r="I100" s="15">
        <v>0</v>
      </c>
      <c r="J100" s="15" t="s">
        <v>61</v>
      </c>
      <c r="K100" s="15" t="s">
        <v>61</v>
      </c>
      <c r="L100" s="15" t="s">
        <v>61</v>
      </c>
      <c r="M100" s="15" t="s">
        <v>61</v>
      </c>
      <c r="N100" s="15" t="s">
        <v>61</v>
      </c>
      <c r="O100" s="15" t="s">
        <v>61</v>
      </c>
      <c r="P100" s="15" t="s">
        <v>61</v>
      </c>
      <c r="Q100" s="15" t="s">
        <v>61</v>
      </c>
    </row>
    <row r="101" spans="1:17" ht="21.75" customHeight="1" x14ac:dyDescent="0.15">
      <c r="A101" s="13" t="s">
        <v>23</v>
      </c>
      <c r="B101" s="14" t="s">
        <v>6</v>
      </c>
      <c r="C101" s="14" t="s">
        <v>6</v>
      </c>
      <c r="D101" s="14" t="s">
        <v>6</v>
      </c>
      <c r="E101" s="14" t="s">
        <v>6</v>
      </c>
      <c r="F101" s="14" t="s">
        <v>6</v>
      </c>
      <c r="G101" s="15">
        <v>2</v>
      </c>
      <c r="H101" s="15">
        <v>2</v>
      </c>
      <c r="I101" s="15">
        <v>1</v>
      </c>
      <c r="J101" s="15" t="s">
        <v>61</v>
      </c>
      <c r="K101" s="15" t="s">
        <v>61</v>
      </c>
      <c r="L101" s="15" t="s">
        <v>61</v>
      </c>
      <c r="M101" s="15" t="s">
        <v>61</v>
      </c>
      <c r="N101" s="15" t="s">
        <v>61</v>
      </c>
      <c r="O101" s="15" t="s">
        <v>61</v>
      </c>
      <c r="P101" s="15" t="s">
        <v>61</v>
      </c>
      <c r="Q101" s="15" t="s">
        <v>61</v>
      </c>
    </row>
    <row r="102" spans="1:17" ht="21.75" customHeight="1" x14ac:dyDescent="0.15">
      <c r="A102" s="13" t="s">
        <v>24</v>
      </c>
      <c r="B102" s="14" t="s">
        <v>6</v>
      </c>
      <c r="C102" s="14" t="s">
        <v>6</v>
      </c>
      <c r="D102" s="14" t="s">
        <v>6</v>
      </c>
      <c r="E102" s="14" t="s">
        <v>6</v>
      </c>
      <c r="F102" s="14" t="s">
        <v>6</v>
      </c>
      <c r="G102" s="15">
        <v>0</v>
      </c>
      <c r="H102" s="15">
        <v>2</v>
      </c>
      <c r="I102" s="15">
        <v>1</v>
      </c>
      <c r="J102" s="15" t="s">
        <v>61</v>
      </c>
      <c r="K102" s="15" t="s">
        <v>61</v>
      </c>
      <c r="L102" s="15" t="s">
        <v>61</v>
      </c>
      <c r="M102" s="15" t="s">
        <v>61</v>
      </c>
      <c r="N102" s="15" t="s">
        <v>61</v>
      </c>
      <c r="O102" s="15" t="s">
        <v>61</v>
      </c>
      <c r="P102" s="15" t="s">
        <v>61</v>
      </c>
      <c r="Q102" s="15" t="s">
        <v>61</v>
      </c>
    </row>
    <row r="103" spans="1:17" ht="21.75" customHeight="1" x14ac:dyDescent="0.15">
      <c r="A103" s="13" t="s">
        <v>25</v>
      </c>
      <c r="B103" s="14" t="s">
        <v>6</v>
      </c>
      <c r="C103" s="14" t="s">
        <v>6</v>
      </c>
      <c r="D103" s="14" t="s">
        <v>6</v>
      </c>
      <c r="E103" s="14" t="s">
        <v>6</v>
      </c>
      <c r="F103" s="14" t="s">
        <v>6</v>
      </c>
      <c r="G103" s="15">
        <v>0</v>
      </c>
      <c r="H103" s="15">
        <v>0</v>
      </c>
      <c r="I103" s="15">
        <v>0</v>
      </c>
      <c r="J103" s="15" t="s">
        <v>61</v>
      </c>
      <c r="K103" s="15" t="s">
        <v>61</v>
      </c>
      <c r="L103" s="15" t="s">
        <v>61</v>
      </c>
      <c r="M103" s="15" t="s">
        <v>61</v>
      </c>
      <c r="N103" s="15" t="s">
        <v>61</v>
      </c>
      <c r="O103" s="15" t="s">
        <v>61</v>
      </c>
      <c r="P103" s="15" t="s">
        <v>61</v>
      </c>
      <c r="Q103" s="15" t="s">
        <v>61</v>
      </c>
    </row>
    <row r="104" spans="1:17" ht="21.75" customHeight="1" x14ac:dyDescent="0.15">
      <c r="A104" s="13" t="s">
        <v>26</v>
      </c>
      <c r="B104" s="14" t="s">
        <v>6</v>
      </c>
      <c r="C104" s="14" t="s">
        <v>6</v>
      </c>
      <c r="D104" s="14" t="s">
        <v>6</v>
      </c>
      <c r="E104" s="14" t="s">
        <v>6</v>
      </c>
      <c r="F104" s="14" t="s">
        <v>6</v>
      </c>
      <c r="G104" s="15">
        <v>0</v>
      </c>
      <c r="H104" s="15">
        <v>0</v>
      </c>
      <c r="I104" s="15">
        <v>0</v>
      </c>
      <c r="J104" s="15" t="s">
        <v>61</v>
      </c>
      <c r="K104" s="15" t="s">
        <v>61</v>
      </c>
      <c r="L104" s="15" t="s">
        <v>61</v>
      </c>
      <c r="M104" s="15" t="s">
        <v>61</v>
      </c>
      <c r="N104" s="15" t="s">
        <v>61</v>
      </c>
      <c r="O104" s="15" t="s">
        <v>61</v>
      </c>
      <c r="P104" s="15" t="s">
        <v>61</v>
      </c>
      <c r="Q104" s="15" t="s">
        <v>61</v>
      </c>
    </row>
    <row r="105" spans="1:17" ht="21.75" customHeight="1" x14ac:dyDescent="0.15">
      <c r="A105" s="6" t="s">
        <v>38</v>
      </c>
      <c r="B105" s="16" t="s">
        <v>6</v>
      </c>
      <c r="C105" s="16" t="s">
        <v>6</v>
      </c>
      <c r="D105" s="16" t="s">
        <v>6</v>
      </c>
      <c r="E105" s="16" t="s">
        <v>6</v>
      </c>
      <c r="F105" s="16" t="s">
        <v>6</v>
      </c>
      <c r="G105" s="17">
        <v>15</v>
      </c>
      <c r="H105" s="17">
        <v>13</v>
      </c>
      <c r="I105" s="17">
        <v>6</v>
      </c>
      <c r="J105" s="17">
        <v>5</v>
      </c>
      <c r="K105" s="17">
        <v>5</v>
      </c>
      <c r="L105" s="17">
        <v>4</v>
      </c>
      <c r="M105" s="17">
        <v>4</v>
      </c>
      <c r="N105" s="17">
        <v>3</v>
      </c>
      <c r="O105" s="17">
        <v>3</v>
      </c>
      <c r="P105" s="17">
        <v>3</v>
      </c>
      <c r="Q105" s="17">
        <v>3</v>
      </c>
    </row>
    <row r="106" spans="1:17" ht="21.75" customHeight="1" x14ac:dyDescent="0.2">
      <c r="A106" s="4"/>
      <c r="B106" s="4"/>
      <c r="C106" s="4"/>
      <c r="D106" s="4"/>
      <c r="E106" s="4"/>
      <c r="F106" s="4"/>
      <c r="G106" s="4"/>
      <c r="H106" s="4"/>
      <c r="I106" s="4"/>
      <c r="J106" s="4"/>
      <c r="K106" s="4"/>
      <c r="L106" s="4"/>
      <c r="O106" s="18"/>
      <c r="P106" s="18"/>
      <c r="Q106" s="18"/>
    </row>
    <row r="107" spans="1:17" ht="21.75" customHeight="1" x14ac:dyDescent="0.2">
      <c r="A107" s="4"/>
      <c r="B107" s="4"/>
      <c r="C107" s="4"/>
      <c r="D107" s="4"/>
      <c r="E107" s="4"/>
      <c r="F107" s="4"/>
      <c r="G107" s="4"/>
      <c r="H107" s="4"/>
      <c r="I107" s="4"/>
      <c r="J107" s="4"/>
      <c r="K107" s="4"/>
      <c r="L107" s="4"/>
      <c r="O107" s="18"/>
      <c r="P107" s="18"/>
      <c r="Q107" s="18"/>
    </row>
    <row r="108" spans="1:17" s="3" customFormat="1" ht="21.75" customHeight="1" x14ac:dyDescent="0.15">
      <c r="A108" s="3" t="s">
        <v>28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15">
      <c r="A109" s="6" t="s">
        <v>1</v>
      </c>
      <c r="B109" s="6" t="s">
        <v>2</v>
      </c>
      <c r="C109" s="6">
        <v>60</v>
      </c>
      <c r="D109" s="6" t="s">
        <v>3</v>
      </c>
      <c r="E109" s="6">
        <v>7</v>
      </c>
      <c r="F109" s="6">
        <v>12</v>
      </c>
      <c r="G109" s="6">
        <v>17</v>
      </c>
      <c r="H109" s="6">
        <v>22</v>
      </c>
      <c r="I109" s="6">
        <v>27</v>
      </c>
      <c r="J109" s="6">
        <v>30</v>
      </c>
      <c r="K109" s="6" t="s">
        <v>4</v>
      </c>
      <c r="L109" s="6">
        <v>2</v>
      </c>
      <c r="M109" s="6">
        <v>3</v>
      </c>
      <c r="N109" s="6">
        <v>4</v>
      </c>
      <c r="O109" s="6">
        <v>5</v>
      </c>
      <c r="P109" s="6">
        <v>6</v>
      </c>
      <c r="Q109" s="6">
        <v>7</v>
      </c>
    </row>
    <row r="110" spans="1:17" ht="21.75" customHeight="1" x14ac:dyDescent="0.15">
      <c r="A110" s="7" t="s">
        <v>29</v>
      </c>
      <c r="B110" s="8" t="s">
        <v>6</v>
      </c>
      <c r="C110" s="8" t="s">
        <v>6</v>
      </c>
      <c r="D110" s="8" t="s">
        <v>6</v>
      </c>
      <c r="E110" s="8" t="s">
        <v>6</v>
      </c>
      <c r="F110" s="8" t="s">
        <v>6</v>
      </c>
      <c r="G110" s="9">
        <v>0</v>
      </c>
      <c r="H110" s="9">
        <v>0</v>
      </c>
      <c r="I110" s="9">
        <v>0</v>
      </c>
      <c r="J110" s="9">
        <v>0</v>
      </c>
      <c r="K110" s="9">
        <v>0</v>
      </c>
      <c r="L110" s="9">
        <v>0</v>
      </c>
      <c r="M110" s="9">
        <v>0</v>
      </c>
      <c r="N110" s="9">
        <v>0</v>
      </c>
      <c r="O110" s="9">
        <v>0</v>
      </c>
      <c r="P110" s="9">
        <v>0</v>
      </c>
      <c r="Q110" s="9">
        <v>0</v>
      </c>
    </row>
    <row r="111" spans="1:17" ht="21.75" customHeight="1" x14ac:dyDescent="0.15">
      <c r="A111" s="10" t="s">
        <v>30</v>
      </c>
      <c r="B111" s="11" t="s">
        <v>6</v>
      </c>
      <c r="C111" s="11" t="s">
        <v>6</v>
      </c>
      <c r="D111" s="11" t="s">
        <v>6</v>
      </c>
      <c r="E111" s="11" t="s">
        <v>6</v>
      </c>
      <c r="F111" s="11" t="s">
        <v>6</v>
      </c>
      <c r="G111" s="12">
        <v>5</v>
      </c>
      <c r="H111" s="12">
        <v>6</v>
      </c>
      <c r="I111" s="12">
        <v>3</v>
      </c>
      <c r="J111" s="12">
        <v>3</v>
      </c>
      <c r="K111" s="12">
        <v>3</v>
      </c>
      <c r="L111" s="12">
        <v>2</v>
      </c>
      <c r="M111" s="12">
        <v>2</v>
      </c>
      <c r="N111" s="12">
        <v>2</v>
      </c>
      <c r="O111" s="12">
        <v>2</v>
      </c>
      <c r="P111" s="12">
        <v>2</v>
      </c>
      <c r="Q111" s="12">
        <v>2</v>
      </c>
    </row>
    <row r="112" spans="1:17" ht="21.75" customHeight="1" x14ac:dyDescent="0.15">
      <c r="A112" s="13" t="s">
        <v>31</v>
      </c>
      <c r="B112" s="14" t="s">
        <v>6</v>
      </c>
      <c r="C112" s="14" t="s">
        <v>6</v>
      </c>
      <c r="D112" s="14" t="s">
        <v>6</v>
      </c>
      <c r="E112" s="14" t="s">
        <v>6</v>
      </c>
      <c r="F112" s="14" t="s">
        <v>6</v>
      </c>
      <c r="G112" s="15">
        <v>10</v>
      </c>
      <c r="H112" s="15">
        <v>7</v>
      </c>
      <c r="I112" s="15">
        <v>3</v>
      </c>
      <c r="J112" s="15">
        <v>2</v>
      </c>
      <c r="K112" s="15">
        <v>2</v>
      </c>
      <c r="L112" s="15">
        <v>2</v>
      </c>
      <c r="M112" s="15">
        <v>2</v>
      </c>
      <c r="N112" s="15">
        <v>1</v>
      </c>
      <c r="O112" s="15">
        <v>1</v>
      </c>
      <c r="P112" s="15">
        <v>1</v>
      </c>
      <c r="Q112" s="15">
        <v>1</v>
      </c>
    </row>
    <row r="113" spans="1:17" ht="21.75" customHeight="1" x14ac:dyDescent="0.15">
      <c r="A113" s="6" t="s">
        <v>32</v>
      </c>
      <c r="B113" s="16" t="s">
        <v>6</v>
      </c>
      <c r="C113" s="16" t="s">
        <v>6</v>
      </c>
      <c r="D113" s="16" t="s">
        <v>6</v>
      </c>
      <c r="E113" s="16" t="s">
        <v>6</v>
      </c>
      <c r="F113" s="16" t="s">
        <v>6</v>
      </c>
      <c r="G113" s="17">
        <v>15</v>
      </c>
      <c r="H113" s="17">
        <v>13</v>
      </c>
      <c r="I113" s="17">
        <v>6</v>
      </c>
      <c r="J113" s="17">
        <v>5</v>
      </c>
      <c r="K113" s="17">
        <v>5</v>
      </c>
      <c r="L113" s="17">
        <v>4</v>
      </c>
      <c r="M113" s="17">
        <v>4</v>
      </c>
      <c r="N113" s="17">
        <v>3</v>
      </c>
      <c r="O113" s="17">
        <v>3</v>
      </c>
      <c r="P113" s="17">
        <v>3</v>
      </c>
      <c r="Q113" s="17">
        <v>3</v>
      </c>
    </row>
    <row r="114" spans="1:17" s="5" customFormat="1" ht="21.75" customHeight="1" x14ac:dyDescent="0.15">
      <c r="A114" s="24"/>
      <c r="B114" s="25"/>
      <c r="C114" s="25"/>
      <c r="D114" s="25"/>
      <c r="E114" s="25"/>
      <c r="F114" s="25"/>
      <c r="G114" s="25"/>
      <c r="H114" s="25"/>
      <c r="I114" s="25"/>
      <c r="J114" s="25"/>
      <c r="K114" s="25"/>
      <c r="L114" s="25"/>
      <c r="M114" s="25"/>
      <c r="N114" s="25"/>
      <c r="O114" s="25"/>
      <c r="P114" s="26"/>
      <c r="Q114" s="26"/>
    </row>
    <row r="115" spans="1:17" s="5" customFormat="1" ht="21.75" customHeight="1" x14ac:dyDescent="0.15">
      <c r="A115" s="27"/>
      <c r="B115" s="26"/>
      <c r="C115" s="26"/>
      <c r="D115" s="26"/>
      <c r="E115" s="26"/>
      <c r="F115" s="26"/>
      <c r="G115" s="26"/>
      <c r="H115" s="26"/>
      <c r="I115" s="26"/>
      <c r="J115" s="26"/>
      <c r="K115" s="26"/>
      <c r="L115" s="26"/>
      <c r="M115" s="26"/>
      <c r="N115" s="26"/>
      <c r="O115" s="26"/>
      <c r="P115" s="26"/>
      <c r="Q115" s="26"/>
    </row>
    <row r="116" spans="1:17" s="3" customFormat="1" ht="21.75" customHeight="1" x14ac:dyDescent="0.15">
      <c r="A116" s="28" t="s">
        <v>33</v>
      </c>
      <c r="B116" s="29"/>
      <c r="C116" s="29"/>
      <c r="D116" s="29"/>
      <c r="E116" s="29"/>
      <c r="F116" s="29"/>
      <c r="G116" s="29"/>
      <c r="H116" s="29"/>
      <c r="I116" s="29"/>
      <c r="J116" s="29"/>
      <c r="K116" s="29"/>
      <c r="L116" s="29"/>
      <c r="M116" s="29"/>
      <c r="N116" s="29"/>
      <c r="O116" s="29"/>
      <c r="P116" s="30"/>
      <c r="Q116" s="30"/>
    </row>
    <row r="117" spans="1:17" s="5" customFormat="1" ht="21.75" customHeight="1" x14ac:dyDescent="0.15">
      <c r="A117" s="6" t="s">
        <v>1</v>
      </c>
      <c r="B117" s="6" t="s">
        <v>2</v>
      </c>
      <c r="C117" s="6">
        <v>60</v>
      </c>
      <c r="D117" s="6" t="s">
        <v>3</v>
      </c>
      <c r="E117" s="6">
        <v>7</v>
      </c>
      <c r="F117" s="6">
        <v>12</v>
      </c>
      <c r="G117" s="6">
        <v>17</v>
      </c>
      <c r="H117" s="6">
        <v>22</v>
      </c>
      <c r="I117" s="6">
        <v>27</v>
      </c>
      <c r="J117" s="6">
        <v>30</v>
      </c>
      <c r="K117" s="6" t="s">
        <v>4</v>
      </c>
      <c r="L117" s="6">
        <v>2</v>
      </c>
      <c r="M117" s="6">
        <v>3</v>
      </c>
      <c r="N117" s="6">
        <v>4</v>
      </c>
      <c r="O117" s="6">
        <v>5</v>
      </c>
      <c r="P117" s="6">
        <v>6</v>
      </c>
      <c r="Q117" s="6">
        <v>7</v>
      </c>
    </row>
    <row r="118" spans="1:17" ht="21.75" customHeight="1" x14ac:dyDescent="0.15">
      <c r="A118" s="7" t="s">
        <v>29</v>
      </c>
      <c r="B118" s="31" t="s">
        <v>6</v>
      </c>
      <c r="C118" s="31" t="s">
        <v>6</v>
      </c>
      <c r="D118" s="31" t="s">
        <v>6</v>
      </c>
      <c r="E118" s="31" t="s">
        <v>6</v>
      </c>
      <c r="F118" s="31" t="s">
        <v>6</v>
      </c>
      <c r="G118" s="42">
        <v>0</v>
      </c>
      <c r="H118" s="42">
        <v>0</v>
      </c>
      <c r="I118" s="42">
        <v>0</v>
      </c>
      <c r="J118" s="42">
        <v>0</v>
      </c>
      <c r="K118" s="42">
        <v>0</v>
      </c>
      <c r="L118" s="42">
        <v>0</v>
      </c>
      <c r="M118" s="42">
        <v>0</v>
      </c>
      <c r="N118" s="42">
        <v>0</v>
      </c>
      <c r="O118" s="42">
        <v>0</v>
      </c>
      <c r="P118" s="42">
        <v>0</v>
      </c>
      <c r="Q118" s="42">
        <v>0</v>
      </c>
    </row>
    <row r="119" spans="1:17" ht="21.75" customHeight="1" x14ac:dyDescent="0.15">
      <c r="A119" s="10" t="s">
        <v>30</v>
      </c>
      <c r="B119" s="33" t="s">
        <v>6</v>
      </c>
      <c r="C119" s="33" t="s">
        <v>6</v>
      </c>
      <c r="D119" s="33" t="s">
        <v>6</v>
      </c>
      <c r="E119" s="33" t="s">
        <v>6</v>
      </c>
      <c r="F119" s="33" t="s">
        <v>6</v>
      </c>
      <c r="G119" s="43">
        <v>33.299999999999997</v>
      </c>
      <c r="H119" s="43">
        <v>46.2</v>
      </c>
      <c r="I119" s="43">
        <v>50</v>
      </c>
      <c r="J119" s="43">
        <v>60</v>
      </c>
      <c r="K119" s="43">
        <v>60</v>
      </c>
      <c r="L119" s="43">
        <v>50</v>
      </c>
      <c r="M119" s="43">
        <v>50</v>
      </c>
      <c r="N119" s="43">
        <v>66.7</v>
      </c>
      <c r="O119" s="43">
        <v>66.7</v>
      </c>
      <c r="P119" s="43">
        <v>66.7</v>
      </c>
      <c r="Q119" s="43">
        <v>66.7</v>
      </c>
    </row>
    <row r="120" spans="1:17" ht="21.75" customHeight="1" x14ac:dyDescent="0.15">
      <c r="A120" s="13" t="s">
        <v>31</v>
      </c>
      <c r="B120" s="35" t="s">
        <v>6</v>
      </c>
      <c r="C120" s="35" t="s">
        <v>6</v>
      </c>
      <c r="D120" s="35" t="s">
        <v>6</v>
      </c>
      <c r="E120" s="35" t="s">
        <v>6</v>
      </c>
      <c r="F120" s="35" t="s">
        <v>6</v>
      </c>
      <c r="G120" s="44">
        <v>66.7</v>
      </c>
      <c r="H120" s="44">
        <v>53.8</v>
      </c>
      <c r="I120" s="44">
        <v>50</v>
      </c>
      <c r="J120" s="44">
        <v>40</v>
      </c>
      <c r="K120" s="44">
        <v>40</v>
      </c>
      <c r="L120" s="44">
        <v>50</v>
      </c>
      <c r="M120" s="44">
        <v>50</v>
      </c>
      <c r="N120" s="44">
        <v>33.299999999999997</v>
      </c>
      <c r="O120" s="44">
        <v>33.299999999999997</v>
      </c>
      <c r="P120" s="44">
        <v>33.299999999999997</v>
      </c>
      <c r="Q120" s="44">
        <v>33.299999999999997</v>
      </c>
    </row>
    <row r="121" spans="1:17" ht="21.75" customHeight="1" x14ac:dyDescent="0.2">
      <c r="A121" s="37" t="s">
        <v>34</v>
      </c>
      <c r="B121" s="4"/>
      <c r="C121" s="4"/>
      <c r="D121" s="4"/>
      <c r="E121" s="4"/>
      <c r="F121" s="4"/>
      <c r="G121" s="4"/>
      <c r="H121" s="4"/>
      <c r="I121" s="4"/>
      <c r="J121" s="4"/>
      <c r="K121" s="4"/>
      <c r="L121" s="4"/>
      <c r="M121" s="4"/>
      <c r="O121" s="18"/>
      <c r="P121" s="18"/>
      <c r="Q121" s="18"/>
    </row>
    <row r="122" spans="1:17" ht="21.75" customHeight="1" x14ac:dyDescent="0.2">
      <c r="A122" s="37"/>
      <c r="B122" s="4"/>
      <c r="C122" s="4"/>
      <c r="D122" s="4"/>
      <c r="E122" s="4"/>
      <c r="F122" s="4"/>
      <c r="G122" s="4"/>
      <c r="H122" s="4"/>
      <c r="I122" s="4"/>
      <c r="J122" s="4"/>
      <c r="K122" s="4"/>
      <c r="L122" s="4"/>
      <c r="M122" s="4"/>
      <c r="O122" s="18"/>
      <c r="P122" s="18"/>
      <c r="Q122" s="18"/>
    </row>
    <row r="123" spans="1:17" ht="21.75" customHeight="1" x14ac:dyDescent="0.2">
      <c r="A123" s="37"/>
      <c r="B123" s="4"/>
      <c r="C123" s="4"/>
      <c r="D123" s="4"/>
      <c r="E123" s="4"/>
      <c r="F123" s="4"/>
      <c r="G123" s="4"/>
      <c r="H123" s="4"/>
      <c r="I123" s="4"/>
      <c r="J123" s="4"/>
      <c r="K123" s="4"/>
      <c r="L123" s="4"/>
      <c r="M123" s="4"/>
      <c r="O123" s="18"/>
      <c r="P123" s="18"/>
      <c r="Q123" s="18"/>
    </row>
    <row r="124" spans="1:17" ht="21.75" customHeight="1" x14ac:dyDescent="0.2">
      <c r="A124" s="37"/>
      <c r="B124" s="4"/>
      <c r="C124" s="4"/>
      <c r="D124" s="4"/>
      <c r="E124" s="4"/>
      <c r="F124" s="4"/>
      <c r="G124" s="4"/>
      <c r="H124" s="4"/>
      <c r="I124" s="4"/>
      <c r="J124" s="4"/>
      <c r="K124" s="4"/>
      <c r="L124" s="4"/>
      <c r="M124" s="4"/>
      <c r="O124" s="18"/>
      <c r="P124" s="18"/>
      <c r="Q124" s="18"/>
    </row>
    <row r="125" spans="1:17" ht="21.75" customHeight="1" x14ac:dyDescent="0.2">
      <c r="A125" s="37"/>
      <c r="B125" s="4"/>
      <c r="C125" s="4"/>
      <c r="D125" s="4"/>
      <c r="E125" s="4"/>
      <c r="F125" s="4"/>
      <c r="G125" s="4"/>
      <c r="H125" s="4"/>
      <c r="I125" s="4"/>
      <c r="J125" s="4"/>
      <c r="K125" s="4"/>
      <c r="L125" s="4"/>
      <c r="M125" s="4"/>
      <c r="O125" s="18"/>
      <c r="P125" s="18"/>
      <c r="Q125" s="18"/>
    </row>
    <row r="126" spans="1:17" ht="21.75" customHeight="1" x14ac:dyDescent="0.2">
      <c r="A126" s="37"/>
      <c r="B126" s="4"/>
      <c r="C126" s="4"/>
      <c r="D126" s="4"/>
      <c r="E126" s="4"/>
      <c r="F126" s="4"/>
      <c r="G126" s="4"/>
      <c r="H126" s="4"/>
      <c r="I126" s="4"/>
      <c r="J126" s="4"/>
      <c r="K126" s="4"/>
      <c r="L126" s="4"/>
      <c r="M126" s="4"/>
      <c r="O126" s="18"/>
      <c r="P126" s="18"/>
      <c r="Q126" s="18"/>
    </row>
    <row r="127" spans="1:17" ht="21.75" customHeight="1" x14ac:dyDescent="0.2">
      <c r="A127" s="4"/>
      <c r="B127" s="4"/>
      <c r="C127" s="4"/>
      <c r="D127" s="4"/>
      <c r="E127" s="4"/>
      <c r="F127" s="4"/>
      <c r="G127" s="4"/>
      <c r="H127" s="4"/>
      <c r="I127" s="4"/>
      <c r="J127" s="4"/>
      <c r="K127" s="4"/>
      <c r="L127" s="4"/>
      <c r="M127" s="4"/>
      <c r="O127" s="18"/>
      <c r="P127" s="18"/>
      <c r="Q127" s="18"/>
    </row>
    <row r="128" spans="1:17" ht="21.75" customHeight="1" x14ac:dyDescent="0.2">
      <c r="A128" s="3" t="s">
        <v>39</v>
      </c>
      <c r="B128" s="4"/>
      <c r="C128" s="4"/>
      <c r="D128" s="4"/>
      <c r="E128" s="4"/>
      <c r="F128" s="4"/>
      <c r="G128" s="4"/>
      <c r="H128" s="4"/>
      <c r="I128" s="4"/>
      <c r="J128" s="4"/>
      <c r="K128" s="4"/>
      <c r="L128" s="4"/>
      <c r="M128" s="4"/>
      <c r="O128" s="18"/>
      <c r="P128" s="18"/>
      <c r="Q128" s="18"/>
    </row>
    <row r="129" spans="1:17" ht="21.75" customHeight="1" x14ac:dyDescent="0.15">
      <c r="A129" s="6" t="s">
        <v>1</v>
      </c>
      <c r="B129" s="6" t="s">
        <v>2</v>
      </c>
      <c r="C129" s="6">
        <v>60</v>
      </c>
      <c r="D129" s="6" t="s">
        <v>3</v>
      </c>
      <c r="E129" s="6">
        <v>7</v>
      </c>
      <c r="F129" s="6">
        <v>12</v>
      </c>
      <c r="G129" s="6">
        <v>17</v>
      </c>
      <c r="H129" s="6">
        <v>22</v>
      </c>
      <c r="I129" s="6">
        <v>27</v>
      </c>
      <c r="J129" s="6">
        <v>30</v>
      </c>
      <c r="K129" s="6" t="s">
        <v>4</v>
      </c>
      <c r="L129" s="6">
        <v>2</v>
      </c>
      <c r="M129" s="6">
        <v>3</v>
      </c>
      <c r="N129" s="6">
        <v>4</v>
      </c>
      <c r="O129" s="6">
        <v>5</v>
      </c>
      <c r="P129" s="6">
        <v>6</v>
      </c>
      <c r="Q129" s="6">
        <v>7</v>
      </c>
    </row>
    <row r="130" spans="1:17" ht="21.75" customHeight="1" x14ac:dyDescent="0.15">
      <c r="A130" s="7" t="s">
        <v>5</v>
      </c>
      <c r="B130" s="8" t="s">
        <v>6</v>
      </c>
      <c r="C130" s="8" t="s">
        <v>6</v>
      </c>
      <c r="D130" s="8" t="s">
        <v>6</v>
      </c>
      <c r="E130" s="8" t="s">
        <v>6</v>
      </c>
      <c r="F130" s="8" t="s">
        <v>6</v>
      </c>
      <c r="G130" s="9">
        <v>1</v>
      </c>
      <c r="H130" s="9">
        <v>0</v>
      </c>
      <c r="I130" s="9">
        <v>0</v>
      </c>
      <c r="J130" s="9" t="s">
        <v>61</v>
      </c>
      <c r="K130" s="9" t="s">
        <v>61</v>
      </c>
      <c r="L130" s="9" t="s">
        <v>61</v>
      </c>
      <c r="M130" s="9" t="s">
        <v>61</v>
      </c>
      <c r="N130" s="9" t="s">
        <v>61</v>
      </c>
      <c r="O130" s="9" t="s">
        <v>61</v>
      </c>
      <c r="P130" s="9" t="s">
        <v>61</v>
      </c>
      <c r="Q130" s="9" t="s">
        <v>61</v>
      </c>
    </row>
    <row r="131" spans="1:17" ht="21.75" customHeight="1" x14ac:dyDescent="0.15">
      <c r="A131" s="7" t="s">
        <v>7</v>
      </c>
      <c r="B131" s="8" t="s">
        <v>6</v>
      </c>
      <c r="C131" s="8" t="s">
        <v>6</v>
      </c>
      <c r="D131" s="8" t="s">
        <v>6</v>
      </c>
      <c r="E131" s="8" t="s">
        <v>6</v>
      </c>
      <c r="F131" s="8" t="s">
        <v>6</v>
      </c>
      <c r="G131" s="9">
        <v>0</v>
      </c>
      <c r="H131" s="9">
        <v>1</v>
      </c>
      <c r="I131" s="9">
        <v>0</v>
      </c>
      <c r="J131" s="9" t="s">
        <v>61</v>
      </c>
      <c r="K131" s="9" t="s">
        <v>61</v>
      </c>
      <c r="L131" s="9" t="s">
        <v>61</v>
      </c>
      <c r="M131" s="9" t="s">
        <v>61</v>
      </c>
      <c r="N131" s="9" t="s">
        <v>61</v>
      </c>
      <c r="O131" s="9" t="s">
        <v>61</v>
      </c>
      <c r="P131" s="9" t="s">
        <v>61</v>
      </c>
      <c r="Q131" s="9" t="s">
        <v>61</v>
      </c>
    </row>
    <row r="132" spans="1:17" ht="21.75" customHeight="1" x14ac:dyDescent="0.15">
      <c r="A132" s="7" t="s">
        <v>8</v>
      </c>
      <c r="B132" s="8" t="s">
        <v>6</v>
      </c>
      <c r="C132" s="8" t="s">
        <v>6</v>
      </c>
      <c r="D132" s="8" t="s">
        <v>6</v>
      </c>
      <c r="E132" s="8" t="s">
        <v>6</v>
      </c>
      <c r="F132" s="8" t="s">
        <v>6</v>
      </c>
      <c r="G132" s="9">
        <v>0</v>
      </c>
      <c r="H132" s="9">
        <v>0</v>
      </c>
      <c r="I132" s="9">
        <v>1</v>
      </c>
      <c r="J132" s="9" t="s">
        <v>61</v>
      </c>
      <c r="K132" s="9" t="s">
        <v>61</v>
      </c>
      <c r="L132" s="9" t="s">
        <v>61</v>
      </c>
      <c r="M132" s="9" t="s">
        <v>61</v>
      </c>
      <c r="N132" s="9" t="s">
        <v>61</v>
      </c>
      <c r="O132" s="9" t="s">
        <v>61</v>
      </c>
      <c r="P132" s="9" t="s">
        <v>61</v>
      </c>
      <c r="Q132" s="9" t="s">
        <v>61</v>
      </c>
    </row>
    <row r="133" spans="1:17" ht="21.75" customHeight="1" x14ac:dyDescent="0.15">
      <c r="A133" s="10" t="s">
        <v>9</v>
      </c>
      <c r="B133" s="11" t="s">
        <v>6</v>
      </c>
      <c r="C133" s="11" t="s">
        <v>6</v>
      </c>
      <c r="D133" s="11" t="s">
        <v>6</v>
      </c>
      <c r="E133" s="11" t="s">
        <v>6</v>
      </c>
      <c r="F133" s="11" t="s">
        <v>6</v>
      </c>
      <c r="G133" s="12">
        <v>0</v>
      </c>
      <c r="H133" s="12">
        <v>0</v>
      </c>
      <c r="I133" s="12">
        <v>0</v>
      </c>
      <c r="J133" s="12" t="s">
        <v>61</v>
      </c>
      <c r="K133" s="12" t="s">
        <v>61</v>
      </c>
      <c r="L133" s="12" t="s">
        <v>61</v>
      </c>
      <c r="M133" s="12" t="s">
        <v>61</v>
      </c>
      <c r="N133" s="12" t="s">
        <v>61</v>
      </c>
      <c r="O133" s="12" t="s">
        <v>61</v>
      </c>
      <c r="P133" s="12" t="s">
        <v>61</v>
      </c>
      <c r="Q133" s="12" t="s">
        <v>61</v>
      </c>
    </row>
    <row r="134" spans="1:17" ht="21.75" customHeight="1" x14ac:dyDescent="0.15">
      <c r="A134" s="10" t="s">
        <v>10</v>
      </c>
      <c r="B134" s="11" t="s">
        <v>6</v>
      </c>
      <c r="C134" s="11" t="s">
        <v>6</v>
      </c>
      <c r="D134" s="11" t="s">
        <v>6</v>
      </c>
      <c r="E134" s="11" t="s">
        <v>6</v>
      </c>
      <c r="F134" s="11" t="s">
        <v>6</v>
      </c>
      <c r="G134" s="12">
        <v>3</v>
      </c>
      <c r="H134" s="12">
        <v>0</v>
      </c>
      <c r="I134" s="12">
        <v>0</v>
      </c>
      <c r="J134" s="12" t="s">
        <v>61</v>
      </c>
      <c r="K134" s="12" t="s">
        <v>61</v>
      </c>
      <c r="L134" s="12" t="s">
        <v>61</v>
      </c>
      <c r="M134" s="12" t="s">
        <v>61</v>
      </c>
      <c r="N134" s="12" t="s">
        <v>61</v>
      </c>
      <c r="O134" s="12" t="s">
        <v>61</v>
      </c>
      <c r="P134" s="12" t="s">
        <v>61</v>
      </c>
      <c r="Q134" s="12" t="s">
        <v>61</v>
      </c>
    </row>
    <row r="135" spans="1:17" ht="21.75" customHeight="1" x14ac:dyDescent="0.15">
      <c r="A135" s="10" t="s">
        <v>11</v>
      </c>
      <c r="B135" s="11" t="s">
        <v>6</v>
      </c>
      <c r="C135" s="11" t="s">
        <v>6</v>
      </c>
      <c r="D135" s="11" t="s">
        <v>6</v>
      </c>
      <c r="E135" s="11" t="s">
        <v>6</v>
      </c>
      <c r="F135" s="11" t="s">
        <v>6</v>
      </c>
      <c r="G135" s="12">
        <v>0</v>
      </c>
      <c r="H135" s="12">
        <v>2</v>
      </c>
      <c r="I135" s="12">
        <v>0</v>
      </c>
      <c r="J135" s="12" t="s">
        <v>61</v>
      </c>
      <c r="K135" s="12" t="s">
        <v>61</v>
      </c>
      <c r="L135" s="12" t="s">
        <v>61</v>
      </c>
      <c r="M135" s="12" t="s">
        <v>61</v>
      </c>
      <c r="N135" s="12" t="s">
        <v>61</v>
      </c>
      <c r="O135" s="12" t="s">
        <v>61</v>
      </c>
      <c r="P135" s="12" t="s">
        <v>61</v>
      </c>
      <c r="Q135" s="12" t="s">
        <v>61</v>
      </c>
    </row>
    <row r="136" spans="1:17" ht="21.75" customHeight="1" x14ac:dyDescent="0.15">
      <c r="A136" s="10" t="s">
        <v>12</v>
      </c>
      <c r="B136" s="11" t="s">
        <v>6</v>
      </c>
      <c r="C136" s="11" t="s">
        <v>6</v>
      </c>
      <c r="D136" s="11" t="s">
        <v>6</v>
      </c>
      <c r="E136" s="11" t="s">
        <v>6</v>
      </c>
      <c r="F136" s="11" t="s">
        <v>6</v>
      </c>
      <c r="G136" s="12">
        <v>0</v>
      </c>
      <c r="H136" s="12">
        <v>0</v>
      </c>
      <c r="I136" s="12">
        <v>1</v>
      </c>
      <c r="J136" s="12" t="s">
        <v>61</v>
      </c>
      <c r="K136" s="12" t="s">
        <v>61</v>
      </c>
      <c r="L136" s="12" t="s">
        <v>61</v>
      </c>
      <c r="M136" s="12" t="s">
        <v>61</v>
      </c>
      <c r="N136" s="12" t="s">
        <v>61</v>
      </c>
      <c r="O136" s="12" t="s">
        <v>61</v>
      </c>
      <c r="P136" s="12" t="s">
        <v>61</v>
      </c>
      <c r="Q136" s="12" t="s">
        <v>61</v>
      </c>
    </row>
    <row r="137" spans="1:17" ht="21.75" customHeight="1" x14ac:dyDescent="0.15">
      <c r="A137" s="10" t="s">
        <v>13</v>
      </c>
      <c r="B137" s="11" t="s">
        <v>6</v>
      </c>
      <c r="C137" s="11" t="s">
        <v>6</v>
      </c>
      <c r="D137" s="11" t="s">
        <v>6</v>
      </c>
      <c r="E137" s="11" t="s">
        <v>6</v>
      </c>
      <c r="F137" s="11" t="s">
        <v>6</v>
      </c>
      <c r="G137" s="12">
        <v>1</v>
      </c>
      <c r="H137" s="12">
        <v>0</v>
      </c>
      <c r="I137" s="12">
        <v>0</v>
      </c>
      <c r="J137" s="12" t="s">
        <v>61</v>
      </c>
      <c r="K137" s="12" t="s">
        <v>61</v>
      </c>
      <c r="L137" s="12" t="s">
        <v>61</v>
      </c>
      <c r="M137" s="12" t="s">
        <v>61</v>
      </c>
      <c r="N137" s="12" t="s">
        <v>61</v>
      </c>
      <c r="O137" s="12" t="s">
        <v>61</v>
      </c>
      <c r="P137" s="12" t="s">
        <v>61</v>
      </c>
      <c r="Q137" s="12" t="s">
        <v>61</v>
      </c>
    </row>
    <row r="138" spans="1:17" ht="21.75" customHeight="1" x14ac:dyDescent="0.15">
      <c r="A138" s="10" t="s">
        <v>14</v>
      </c>
      <c r="B138" s="11" t="s">
        <v>6</v>
      </c>
      <c r="C138" s="11" t="s">
        <v>6</v>
      </c>
      <c r="D138" s="11" t="s">
        <v>6</v>
      </c>
      <c r="E138" s="11" t="s">
        <v>6</v>
      </c>
      <c r="F138" s="11" t="s">
        <v>6</v>
      </c>
      <c r="G138" s="12">
        <v>0</v>
      </c>
      <c r="H138" s="12">
        <v>1</v>
      </c>
      <c r="I138" s="12">
        <v>0</v>
      </c>
      <c r="J138" s="12" t="s">
        <v>61</v>
      </c>
      <c r="K138" s="12" t="s">
        <v>61</v>
      </c>
      <c r="L138" s="12" t="s">
        <v>61</v>
      </c>
      <c r="M138" s="12" t="s">
        <v>61</v>
      </c>
      <c r="N138" s="12" t="s">
        <v>61</v>
      </c>
      <c r="O138" s="12" t="s">
        <v>61</v>
      </c>
      <c r="P138" s="12" t="s">
        <v>61</v>
      </c>
      <c r="Q138" s="12" t="s">
        <v>61</v>
      </c>
    </row>
    <row r="139" spans="1:17" ht="21.75" customHeight="1" x14ac:dyDescent="0.15">
      <c r="A139" s="10" t="s">
        <v>15</v>
      </c>
      <c r="B139" s="11" t="s">
        <v>6</v>
      </c>
      <c r="C139" s="11" t="s">
        <v>6</v>
      </c>
      <c r="D139" s="11" t="s">
        <v>6</v>
      </c>
      <c r="E139" s="11" t="s">
        <v>6</v>
      </c>
      <c r="F139" s="11" t="s">
        <v>6</v>
      </c>
      <c r="G139" s="12">
        <v>0</v>
      </c>
      <c r="H139" s="12">
        <v>0</v>
      </c>
      <c r="I139" s="12">
        <v>1</v>
      </c>
      <c r="J139" s="12" t="s">
        <v>61</v>
      </c>
      <c r="K139" s="12" t="s">
        <v>61</v>
      </c>
      <c r="L139" s="12" t="s">
        <v>61</v>
      </c>
      <c r="M139" s="12" t="s">
        <v>61</v>
      </c>
      <c r="N139" s="12" t="s">
        <v>61</v>
      </c>
      <c r="O139" s="12" t="s">
        <v>61</v>
      </c>
      <c r="P139" s="12" t="s">
        <v>61</v>
      </c>
      <c r="Q139" s="12" t="s">
        <v>61</v>
      </c>
    </row>
    <row r="140" spans="1:17" ht="21.75" customHeight="1" x14ac:dyDescent="0.15">
      <c r="A140" s="10" t="s">
        <v>16</v>
      </c>
      <c r="B140" s="11" t="s">
        <v>6</v>
      </c>
      <c r="C140" s="11" t="s">
        <v>6</v>
      </c>
      <c r="D140" s="11" t="s">
        <v>6</v>
      </c>
      <c r="E140" s="11" t="s">
        <v>6</v>
      </c>
      <c r="F140" s="11" t="s">
        <v>6</v>
      </c>
      <c r="G140" s="12">
        <v>2</v>
      </c>
      <c r="H140" s="12">
        <v>0</v>
      </c>
      <c r="I140" s="12">
        <v>0</v>
      </c>
      <c r="J140" s="12" t="s">
        <v>61</v>
      </c>
      <c r="K140" s="12" t="s">
        <v>61</v>
      </c>
      <c r="L140" s="12" t="s">
        <v>61</v>
      </c>
      <c r="M140" s="12" t="s">
        <v>61</v>
      </c>
      <c r="N140" s="12" t="s">
        <v>61</v>
      </c>
      <c r="O140" s="12" t="s">
        <v>61</v>
      </c>
      <c r="P140" s="12" t="s">
        <v>61</v>
      </c>
      <c r="Q140" s="12" t="s">
        <v>61</v>
      </c>
    </row>
    <row r="141" spans="1:17" ht="21.75" customHeight="1" x14ac:dyDescent="0.15">
      <c r="A141" s="10" t="s">
        <v>17</v>
      </c>
      <c r="B141" s="11" t="s">
        <v>6</v>
      </c>
      <c r="C141" s="11" t="s">
        <v>6</v>
      </c>
      <c r="D141" s="11" t="s">
        <v>6</v>
      </c>
      <c r="E141" s="11" t="s">
        <v>6</v>
      </c>
      <c r="F141" s="11" t="s">
        <v>6</v>
      </c>
      <c r="G141" s="12">
        <v>2</v>
      </c>
      <c r="H141" s="12">
        <v>2</v>
      </c>
      <c r="I141" s="12">
        <v>0</v>
      </c>
      <c r="J141" s="12" t="s">
        <v>61</v>
      </c>
      <c r="K141" s="12" t="s">
        <v>61</v>
      </c>
      <c r="L141" s="12" t="s">
        <v>61</v>
      </c>
      <c r="M141" s="12" t="s">
        <v>61</v>
      </c>
      <c r="N141" s="12" t="s">
        <v>61</v>
      </c>
      <c r="O141" s="12" t="s">
        <v>61</v>
      </c>
      <c r="P141" s="12" t="s">
        <v>61</v>
      </c>
      <c r="Q141" s="12" t="s">
        <v>61</v>
      </c>
    </row>
    <row r="142" spans="1:17" ht="21.75" customHeight="1" x14ac:dyDescent="0.15">
      <c r="A142" s="10" t="s">
        <v>18</v>
      </c>
      <c r="B142" s="11" t="s">
        <v>6</v>
      </c>
      <c r="C142" s="11" t="s">
        <v>6</v>
      </c>
      <c r="D142" s="11" t="s">
        <v>6</v>
      </c>
      <c r="E142" s="11" t="s">
        <v>6</v>
      </c>
      <c r="F142" s="11" t="s">
        <v>6</v>
      </c>
      <c r="G142" s="12">
        <v>1</v>
      </c>
      <c r="H142" s="12">
        <v>1</v>
      </c>
      <c r="I142" s="12">
        <v>1</v>
      </c>
      <c r="J142" s="12" t="s">
        <v>61</v>
      </c>
      <c r="K142" s="12" t="s">
        <v>61</v>
      </c>
      <c r="L142" s="12" t="s">
        <v>61</v>
      </c>
      <c r="M142" s="12" t="s">
        <v>61</v>
      </c>
      <c r="N142" s="12" t="s">
        <v>61</v>
      </c>
      <c r="O142" s="12" t="s">
        <v>61</v>
      </c>
      <c r="P142" s="12" t="s">
        <v>61</v>
      </c>
      <c r="Q142" s="12" t="s">
        <v>61</v>
      </c>
    </row>
    <row r="143" spans="1:17" ht="21.75" customHeight="1" x14ac:dyDescent="0.15">
      <c r="A143" s="13" t="s">
        <v>19</v>
      </c>
      <c r="B143" s="14" t="s">
        <v>6</v>
      </c>
      <c r="C143" s="14" t="s">
        <v>6</v>
      </c>
      <c r="D143" s="14" t="s">
        <v>6</v>
      </c>
      <c r="E143" s="14" t="s">
        <v>6</v>
      </c>
      <c r="F143" s="14" t="s">
        <v>6</v>
      </c>
      <c r="G143" s="15">
        <v>1</v>
      </c>
      <c r="H143" s="15">
        <v>1</v>
      </c>
      <c r="I143" s="15">
        <v>1</v>
      </c>
      <c r="J143" s="15" t="s">
        <v>61</v>
      </c>
      <c r="K143" s="15" t="s">
        <v>61</v>
      </c>
      <c r="L143" s="15" t="s">
        <v>61</v>
      </c>
      <c r="M143" s="15" t="s">
        <v>61</v>
      </c>
      <c r="N143" s="15" t="s">
        <v>61</v>
      </c>
      <c r="O143" s="15" t="s">
        <v>61</v>
      </c>
      <c r="P143" s="15" t="s">
        <v>61</v>
      </c>
      <c r="Q143" s="15" t="s">
        <v>61</v>
      </c>
    </row>
    <row r="144" spans="1:17" ht="21.75" customHeight="1" x14ac:dyDescent="0.15">
      <c r="A144" s="13" t="s">
        <v>20</v>
      </c>
      <c r="B144" s="14" t="s">
        <v>6</v>
      </c>
      <c r="C144" s="14" t="s">
        <v>6</v>
      </c>
      <c r="D144" s="14" t="s">
        <v>6</v>
      </c>
      <c r="E144" s="14" t="s">
        <v>6</v>
      </c>
      <c r="F144" s="14" t="s">
        <v>6</v>
      </c>
      <c r="G144" s="15">
        <v>2</v>
      </c>
      <c r="H144" s="15">
        <v>1</v>
      </c>
      <c r="I144" s="15">
        <v>1</v>
      </c>
      <c r="J144" s="15" t="s">
        <v>61</v>
      </c>
      <c r="K144" s="15" t="s">
        <v>61</v>
      </c>
      <c r="L144" s="15" t="s">
        <v>61</v>
      </c>
      <c r="M144" s="15" t="s">
        <v>61</v>
      </c>
      <c r="N144" s="15" t="s">
        <v>61</v>
      </c>
      <c r="O144" s="15" t="s">
        <v>61</v>
      </c>
      <c r="P144" s="15" t="s">
        <v>61</v>
      </c>
      <c r="Q144" s="15" t="s">
        <v>61</v>
      </c>
    </row>
    <row r="145" spans="1:17" ht="21.75" customHeight="1" x14ac:dyDescent="0.15">
      <c r="A145" s="13" t="s">
        <v>21</v>
      </c>
      <c r="B145" s="14" t="s">
        <v>6</v>
      </c>
      <c r="C145" s="14" t="s">
        <v>6</v>
      </c>
      <c r="D145" s="14" t="s">
        <v>6</v>
      </c>
      <c r="E145" s="14" t="s">
        <v>6</v>
      </c>
      <c r="F145" s="14" t="s">
        <v>6</v>
      </c>
      <c r="G145" s="15">
        <v>5</v>
      </c>
      <c r="H145" s="15">
        <v>1</v>
      </c>
      <c r="I145" s="15">
        <v>0</v>
      </c>
      <c r="J145" s="15" t="s">
        <v>61</v>
      </c>
      <c r="K145" s="15" t="s">
        <v>61</v>
      </c>
      <c r="L145" s="15" t="s">
        <v>61</v>
      </c>
      <c r="M145" s="15" t="s">
        <v>61</v>
      </c>
      <c r="N145" s="15" t="s">
        <v>61</v>
      </c>
      <c r="O145" s="15" t="s">
        <v>61</v>
      </c>
      <c r="P145" s="15" t="s">
        <v>61</v>
      </c>
      <c r="Q145" s="15" t="s">
        <v>61</v>
      </c>
    </row>
    <row r="146" spans="1:17" ht="21.75" customHeight="1" x14ac:dyDescent="0.15">
      <c r="A146" s="13" t="s">
        <v>22</v>
      </c>
      <c r="B146" s="14" t="s">
        <v>6</v>
      </c>
      <c r="C146" s="14" t="s">
        <v>6</v>
      </c>
      <c r="D146" s="14" t="s">
        <v>6</v>
      </c>
      <c r="E146" s="14" t="s">
        <v>6</v>
      </c>
      <c r="F146" s="14" t="s">
        <v>6</v>
      </c>
      <c r="G146" s="15">
        <v>0</v>
      </c>
      <c r="H146" s="15">
        <v>5</v>
      </c>
      <c r="I146" s="15">
        <v>1</v>
      </c>
      <c r="J146" s="15" t="s">
        <v>61</v>
      </c>
      <c r="K146" s="15" t="s">
        <v>61</v>
      </c>
      <c r="L146" s="15" t="s">
        <v>61</v>
      </c>
      <c r="M146" s="15" t="s">
        <v>61</v>
      </c>
      <c r="N146" s="15" t="s">
        <v>61</v>
      </c>
      <c r="O146" s="15" t="s">
        <v>61</v>
      </c>
      <c r="P146" s="15" t="s">
        <v>61</v>
      </c>
      <c r="Q146" s="15" t="s">
        <v>61</v>
      </c>
    </row>
    <row r="147" spans="1:17" ht="21.75" customHeight="1" x14ac:dyDescent="0.15">
      <c r="A147" s="13" t="s">
        <v>23</v>
      </c>
      <c r="B147" s="14" t="s">
        <v>6</v>
      </c>
      <c r="C147" s="14" t="s">
        <v>6</v>
      </c>
      <c r="D147" s="14" t="s">
        <v>6</v>
      </c>
      <c r="E147" s="14" t="s">
        <v>6</v>
      </c>
      <c r="F147" s="14" t="s">
        <v>6</v>
      </c>
      <c r="G147" s="15">
        <v>0</v>
      </c>
      <c r="H147" s="15">
        <v>0</v>
      </c>
      <c r="I147" s="15">
        <v>3</v>
      </c>
      <c r="J147" s="15" t="s">
        <v>61</v>
      </c>
      <c r="K147" s="15" t="s">
        <v>61</v>
      </c>
      <c r="L147" s="15" t="s">
        <v>61</v>
      </c>
      <c r="M147" s="15" t="s">
        <v>61</v>
      </c>
      <c r="N147" s="15" t="s">
        <v>61</v>
      </c>
      <c r="O147" s="15" t="s">
        <v>61</v>
      </c>
      <c r="P147" s="15" t="s">
        <v>61</v>
      </c>
      <c r="Q147" s="15" t="s">
        <v>61</v>
      </c>
    </row>
    <row r="148" spans="1:17" ht="21.75" customHeight="1" x14ac:dyDescent="0.15">
      <c r="A148" s="13" t="s">
        <v>24</v>
      </c>
      <c r="B148" s="14" t="s">
        <v>6</v>
      </c>
      <c r="C148" s="14" t="s">
        <v>6</v>
      </c>
      <c r="D148" s="14" t="s">
        <v>6</v>
      </c>
      <c r="E148" s="14" t="s">
        <v>6</v>
      </c>
      <c r="F148" s="14" t="s">
        <v>6</v>
      </c>
      <c r="G148" s="15">
        <v>0</v>
      </c>
      <c r="H148" s="15">
        <v>0</v>
      </c>
      <c r="I148" s="15">
        <v>0</v>
      </c>
      <c r="J148" s="15" t="s">
        <v>61</v>
      </c>
      <c r="K148" s="15" t="s">
        <v>61</v>
      </c>
      <c r="L148" s="15" t="s">
        <v>61</v>
      </c>
      <c r="M148" s="15" t="s">
        <v>61</v>
      </c>
      <c r="N148" s="15" t="s">
        <v>61</v>
      </c>
      <c r="O148" s="15" t="s">
        <v>61</v>
      </c>
      <c r="P148" s="15" t="s">
        <v>61</v>
      </c>
      <c r="Q148" s="15" t="s">
        <v>61</v>
      </c>
    </row>
    <row r="149" spans="1:17" ht="21.75" customHeight="1" x14ac:dyDescent="0.15">
      <c r="A149" s="13" t="s">
        <v>25</v>
      </c>
      <c r="B149" s="14" t="s">
        <v>6</v>
      </c>
      <c r="C149" s="14" t="s">
        <v>6</v>
      </c>
      <c r="D149" s="14" t="s">
        <v>6</v>
      </c>
      <c r="E149" s="14" t="s">
        <v>6</v>
      </c>
      <c r="F149" s="14" t="s">
        <v>6</v>
      </c>
      <c r="G149" s="15">
        <v>0</v>
      </c>
      <c r="H149" s="15">
        <v>0</v>
      </c>
      <c r="I149" s="15">
        <v>0</v>
      </c>
      <c r="J149" s="15" t="s">
        <v>61</v>
      </c>
      <c r="K149" s="15" t="s">
        <v>61</v>
      </c>
      <c r="L149" s="15" t="s">
        <v>61</v>
      </c>
      <c r="M149" s="15" t="s">
        <v>61</v>
      </c>
      <c r="N149" s="15" t="s">
        <v>61</v>
      </c>
      <c r="O149" s="15" t="s">
        <v>61</v>
      </c>
      <c r="P149" s="15" t="s">
        <v>61</v>
      </c>
      <c r="Q149" s="15" t="s">
        <v>61</v>
      </c>
    </row>
    <row r="150" spans="1:17" ht="21.75" customHeight="1" x14ac:dyDescent="0.15">
      <c r="A150" s="13" t="s">
        <v>26</v>
      </c>
      <c r="B150" s="14" t="s">
        <v>6</v>
      </c>
      <c r="C150" s="14" t="s">
        <v>6</v>
      </c>
      <c r="D150" s="14" t="s">
        <v>6</v>
      </c>
      <c r="E150" s="14" t="s">
        <v>6</v>
      </c>
      <c r="F150" s="14" t="s">
        <v>6</v>
      </c>
      <c r="G150" s="15">
        <v>0</v>
      </c>
      <c r="H150" s="15">
        <v>0</v>
      </c>
      <c r="I150" s="15">
        <v>0</v>
      </c>
      <c r="J150" s="15" t="s">
        <v>61</v>
      </c>
      <c r="K150" s="15" t="s">
        <v>61</v>
      </c>
      <c r="L150" s="15" t="s">
        <v>61</v>
      </c>
      <c r="M150" s="15" t="s">
        <v>61</v>
      </c>
      <c r="N150" s="15" t="s">
        <v>61</v>
      </c>
      <c r="O150" s="15" t="s">
        <v>61</v>
      </c>
      <c r="P150" s="15" t="s">
        <v>61</v>
      </c>
      <c r="Q150" s="15" t="s">
        <v>61</v>
      </c>
    </row>
    <row r="151" spans="1:17" ht="21.75" customHeight="1" x14ac:dyDescent="0.15">
      <c r="A151" s="6" t="s">
        <v>40</v>
      </c>
      <c r="B151" s="16" t="s">
        <v>6</v>
      </c>
      <c r="C151" s="16" t="s">
        <v>6</v>
      </c>
      <c r="D151" s="16" t="s">
        <v>6</v>
      </c>
      <c r="E151" s="16" t="s">
        <v>6</v>
      </c>
      <c r="F151" s="16" t="s">
        <v>6</v>
      </c>
      <c r="G151" s="17">
        <v>18</v>
      </c>
      <c r="H151" s="17">
        <v>15</v>
      </c>
      <c r="I151" s="17">
        <v>10</v>
      </c>
      <c r="J151" s="17">
        <v>9</v>
      </c>
      <c r="K151" s="17">
        <v>9</v>
      </c>
      <c r="L151" s="17">
        <v>7</v>
      </c>
      <c r="M151" s="17">
        <v>7</v>
      </c>
      <c r="N151" s="17">
        <v>7</v>
      </c>
      <c r="O151" s="17">
        <v>7</v>
      </c>
      <c r="P151" s="17">
        <v>7</v>
      </c>
      <c r="Q151" s="17">
        <v>7</v>
      </c>
    </row>
    <row r="152" spans="1:17" ht="21.75" customHeight="1" x14ac:dyDescent="0.15">
      <c r="A152" s="4"/>
      <c r="B152" s="4"/>
      <c r="C152" s="4"/>
      <c r="D152" s="4"/>
      <c r="E152" s="4"/>
      <c r="F152" s="4"/>
      <c r="G152" s="4"/>
      <c r="H152" s="4"/>
      <c r="I152" s="4"/>
      <c r="J152" s="4"/>
      <c r="K152" s="4"/>
      <c r="L152" s="4"/>
    </row>
    <row r="153" spans="1:17" ht="21.75" customHeight="1" x14ac:dyDescent="0.2">
      <c r="A153" s="4"/>
      <c r="B153" s="4"/>
      <c r="C153" s="4"/>
      <c r="D153" s="4"/>
      <c r="E153" s="4"/>
      <c r="F153" s="4"/>
      <c r="G153" s="4"/>
      <c r="H153" s="4"/>
      <c r="I153" s="4"/>
      <c r="J153" s="4"/>
      <c r="K153" s="4"/>
      <c r="L153" s="4"/>
      <c r="O153" s="18"/>
      <c r="P153" s="18"/>
      <c r="Q153" s="18"/>
    </row>
    <row r="154" spans="1:17" s="3" customFormat="1" ht="21.75" customHeight="1" x14ac:dyDescent="0.15">
      <c r="A154" s="3" t="s">
        <v>28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15">
      <c r="A155" s="6" t="s">
        <v>1</v>
      </c>
      <c r="B155" s="6" t="s">
        <v>2</v>
      </c>
      <c r="C155" s="6">
        <v>60</v>
      </c>
      <c r="D155" s="6" t="s">
        <v>3</v>
      </c>
      <c r="E155" s="6">
        <v>7</v>
      </c>
      <c r="F155" s="6">
        <v>12</v>
      </c>
      <c r="G155" s="6">
        <v>17</v>
      </c>
      <c r="H155" s="6">
        <v>22</v>
      </c>
      <c r="I155" s="6">
        <v>27</v>
      </c>
      <c r="J155" s="6">
        <v>30</v>
      </c>
      <c r="K155" s="6" t="s">
        <v>4</v>
      </c>
      <c r="L155" s="6">
        <v>2</v>
      </c>
      <c r="M155" s="6">
        <v>3</v>
      </c>
      <c r="N155" s="6">
        <v>4</v>
      </c>
      <c r="O155" s="6">
        <v>5</v>
      </c>
      <c r="P155" s="6">
        <v>6</v>
      </c>
      <c r="Q155" s="6">
        <v>7</v>
      </c>
    </row>
    <row r="156" spans="1:17" ht="21.75" customHeight="1" x14ac:dyDescent="0.15">
      <c r="A156" s="7" t="s">
        <v>29</v>
      </c>
      <c r="B156" s="8" t="s">
        <v>6</v>
      </c>
      <c r="C156" s="8" t="s">
        <v>6</v>
      </c>
      <c r="D156" s="8" t="s">
        <v>6</v>
      </c>
      <c r="E156" s="8" t="s">
        <v>6</v>
      </c>
      <c r="F156" s="8" t="s">
        <v>6</v>
      </c>
      <c r="G156" s="9">
        <v>1</v>
      </c>
      <c r="H156" s="9">
        <v>1</v>
      </c>
      <c r="I156" s="9">
        <v>1</v>
      </c>
      <c r="J156" s="9">
        <v>1</v>
      </c>
      <c r="K156" s="9">
        <v>0</v>
      </c>
      <c r="L156" s="9">
        <v>0</v>
      </c>
      <c r="M156" s="9">
        <v>0</v>
      </c>
      <c r="N156" s="9">
        <v>0</v>
      </c>
      <c r="O156" s="9">
        <v>0</v>
      </c>
      <c r="P156" s="9">
        <v>0</v>
      </c>
      <c r="Q156" s="9">
        <v>0</v>
      </c>
    </row>
    <row r="157" spans="1:17" ht="21.75" customHeight="1" x14ac:dyDescent="0.15">
      <c r="A157" s="10" t="s">
        <v>30</v>
      </c>
      <c r="B157" s="11" t="s">
        <v>6</v>
      </c>
      <c r="C157" s="11" t="s">
        <v>6</v>
      </c>
      <c r="D157" s="11" t="s">
        <v>6</v>
      </c>
      <c r="E157" s="11" t="s">
        <v>6</v>
      </c>
      <c r="F157" s="11" t="s">
        <v>6</v>
      </c>
      <c r="G157" s="12">
        <v>9</v>
      </c>
      <c r="H157" s="12">
        <v>6</v>
      </c>
      <c r="I157" s="12">
        <v>3</v>
      </c>
      <c r="J157" s="12">
        <v>3</v>
      </c>
      <c r="K157" s="12">
        <v>3</v>
      </c>
      <c r="L157" s="12">
        <v>3</v>
      </c>
      <c r="M157" s="12">
        <v>3</v>
      </c>
      <c r="N157" s="12">
        <v>3</v>
      </c>
      <c r="O157" s="12">
        <v>3</v>
      </c>
      <c r="P157" s="12">
        <v>3</v>
      </c>
      <c r="Q157" s="12">
        <v>3</v>
      </c>
    </row>
    <row r="158" spans="1:17" ht="21.75" customHeight="1" x14ac:dyDescent="0.15">
      <c r="A158" s="13" t="s">
        <v>31</v>
      </c>
      <c r="B158" s="14" t="s">
        <v>6</v>
      </c>
      <c r="C158" s="14" t="s">
        <v>6</v>
      </c>
      <c r="D158" s="14" t="s">
        <v>6</v>
      </c>
      <c r="E158" s="14" t="s">
        <v>6</v>
      </c>
      <c r="F158" s="14" t="s">
        <v>6</v>
      </c>
      <c r="G158" s="15">
        <v>8</v>
      </c>
      <c r="H158" s="15">
        <v>8</v>
      </c>
      <c r="I158" s="15">
        <v>6</v>
      </c>
      <c r="J158" s="15">
        <v>5</v>
      </c>
      <c r="K158" s="15">
        <v>6</v>
      </c>
      <c r="L158" s="15">
        <v>4</v>
      </c>
      <c r="M158" s="15">
        <v>4</v>
      </c>
      <c r="N158" s="15">
        <v>4</v>
      </c>
      <c r="O158" s="15">
        <v>4</v>
      </c>
      <c r="P158" s="15">
        <v>4</v>
      </c>
      <c r="Q158" s="15">
        <v>4</v>
      </c>
    </row>
    <row r="159" spans="1:17" ht="21.75" customHeight="1" x14ac:dyDescent="0.15">
      <c r="A159" s="6" t="s">
        <v>32</v>
      </c>
      <c r="B159" s="16" t="s">
        <v>6</v>
      </c>
      <c r="C159" s="16" t="s">
        <v>6</v>
      </c>
      <c r="D159" s="16" t="s">
        <v>6</v>
      </c>
      <c r="E159" s="16" t="s">
        <v>6</v>
      </c>
      <c r="F159" s="16" t="s">
        <v>6</v>
      </c>
      <c r="G159" s="17">
        <v>18</v>
      </c>
      <c r="H159" s="17">
        <v>15</v>
      </c>
      <c r="I159" s="17">
        <v>10</v>
      </c>
      <c r="J159" s="17">
        <v>9</v>
      </c>
      <c r="K159" s="17">
        <v>9</v>
      </c>
      <c r="L159" s="17">
        <v>7</v>
      </c>
      <c r="M159" s="17">
        <v>7</v>
      </c>
      <c r="N159" s="17">
        <v>7</v>
      </c>
      <c r="O159" s="17">
        <v>7</v>
      </c>
      <c r="P159" s="17">
        <v>7</v>
      </c>
      <c r="Q159" s="17">
        <v>7</v>
      </c>
    </row>
    <row r="160" spans="1:17" s="5" customFormat="1" ht="21.75" customHeight="1" x14ac:dyDescent="0.15">
      <c r="A160" s="24"/>
      <c r="B160" s="25"/>
      <c r="C160" s="25"/>
      <c r="D160" s="25"/>
      <c r="E160" s="25"/>
      <c r="F160" s="25"/>
      <c r="G160" s="25"/>
      <c r="H160" s="25"/>
      <c r="I160" s="25"/>
      <c r="J160" s="25"/>
      <c r="K160" s="25"/>
      <c r="L160" s="25"/>
      <c r="M160" s="25"/>
      <c r="N160" s="25"/>
      <c r="O160" s="25"/>
      <c r="P160" s="26"/>
      <c r="Q160" s="26"/>
    </row>
    <row r="161" spans="1:20" s="5" customFormat="1" ht="21.75" customHeight="1" x14ac:dyDescent="0.15">
      <c r="A161" s="27"/>
      <c r="B161" s="26"/>
      <c r="C161" s="26"/>
      <c r="D161" s="26"/>
      <c r="E161" s="26"/>
      <c r="F161" s="26"/>
      <c r="G161" s="26"/>
      <c r="H161" s="26"/>
      <c r="I161" s="26"/>
      <c r="J161" s="26"/>
      <c r="K161" s="26"/>
      <c r="L161" s="26"/>
      <c r="M161" s="26"/>
      <c r="N161" s="26"/>
      <c r="O161" s="26"/>
      <c r="P161" s="26"/>
      <c r="Q161" s="26"/>
    </row>
    <row r="162" spans="1:20" s="3" customFormat="1" ht="21.75" customHeight="1" x14ac:dyDescent="0.15">
      <c r="A162" s="28" t="s">
        <v>33</v>
      </c>
      <c r="B162" s="29"/>
      <c r="C162" s="29"/>
      <c r="D162" s="29"/>
      <c r="E162" s="29"/>
      <c r="F162" s="29"/>
      <c r="G162" s="29"/>
      <c r="H162" s="29"/>
      <c r="I162" s="29"/>
      <c r="J162" s="29"/>
      <c r="K162" s="29"/>
      <c r="L162" s="29"/>
      <c r="M162" s="29"/>
      <c r="N162" s="29"/>
      <c r="O162" s="29"/>
      <c r="P162" s="30"/>
      <c r="Q162" s="30"/>
    </row>
    <row r="163" spans="1:20" s="5" customFormat="1" ht="21.75" customHeight="1" x14ac:dyDescent="0.15">
      <c r="A163" s="6" t="s">
        <v>1</v>
      </c>
      <c r="B163" s="6" t="s">
        <v>2</v>
      </c>
      <c r="C163" s="6">
        <v>60</v>
      </c>
      <c r="D163" s="6" t="s">
        <v>3</v>
      </c>
      <c r="E163" s="6">
        <v>7</v>
      </c>
      <c r="F163" s="6">
        <v>12</v>
      </c>
      <c r="G163" s="6">
        <v>17</v>
      </c>
      <c r="H163" s="6">
        <v>22</v>
      </c>
      <c r="I163" s="6">
        <v>27</v>
      </c>
      <c r="J163" s="6">
        <v>30</v>
      </c>
      <c r="K163" s="6" t="s">
        <v>4</v>
      </c>
      <c r="L163" s="6">
        <v>2</v>
      </c>
      <c r="M163" s="6">
        <v>3</v>
      </c>
      <c r="N163" s="6">
        <v>4</v>
      </c>
      <c r="O163" s="6">
        <v>5</v>
      </c>
      <c r="P163" s="6">
        <v>6</v>
      </c>
      <c r="Q163" s="6">
        <v>7</v>
      </c>
    </row>
    <row r="164" spans="1:20" ht="21.75" customHeight="1" x14ac:dyDescent="0.15">
      <c r="A164" s="7" t="s">
        <v>29</v>
      </c>
      <c r="B164" s="31" t="s">
        <v>6</v>
      </c>
      <c r="C164" s="31" t="s">
        <v>6</v>
      </c>
      <c r="D164" s="31" t="s">
        <v>6</v>
      </c>
      <c r="E164" s="31" t="s">
        <v>6</v>
      </c>
      <c r="F164" s="31" t="s">
        <v>6</v>
      </c>
      <c r="G164" s="42">
        <v>5.6</v>
      </c>
      <c r="H164" s="42">
        <v>6.7</v>
      </c>
      <c r="I164" s="42">
        <v>10</v>
      </c>
      <c r="J164" s="42">
        <v>11.1</v>
      </c>
      <c r="K164" s="42">
        <v>0</v>
      </c>
      <c r="L164" s="42">
        <v>0</v>
      </c>
      <c r="M164" s="42">
        <v>0</v>
      </c>
      <c r="N164" s="42">
        <v>0</v>
      </c>
      <c r="O164" s="42">
        <v>0</v>
      </c>
      <c r="P164" s="42">
        <v>0</v>
      </c>
      <c r="Q164" s="42">
        <v>0</v>
      </c>
    </row>
    <row r="165" spans="1:20" ht="21.75" customHeight="1" x14ac:dyDescent="0.15">
      <c r="A165" s="10" t="s">
        <v>30</v>
      </c>
      <c r="B165" s="33" t="s">
        <v>6</v>
      </c>
      <c r="C165" s="33" t="s">
        <v>6</v>
      </c>
      <c r="D165" s="33" t="s">
        <v>6</v>
      </c>
      <c r="E165" s="33" t="s">
        <v>6</v>
      </c>
      <c r="F165" s="33" t="s">
        <v>6</v>
      </c>
      <c r="G165" s="43">
        <v>50</v>
      </c>
      <c r="H165" s="43">
        <v>40</v>
      </c>
      <c r="I165" s="43">
        <v>30</v>
      </c>
      <c r="J165" s="43">
        <v>33.299999999999997</v>
      </c>
      <c r="K165" s="43">
        <v>33.299999999999997</v>
      </c>
      <c r="L165" s="43">
        <v>42.9</v>
      </c>
      <c r="M165" s="43">
        <v>42.9</v>
      </c>
      <c r="N165" s="43">
        <v>42.9</v>
      </c>
      <c r="O165" s="43">
        <v>42.9</v>
      </c>
      <c r="P165" s="43">
        <v>42.9</v>
      </c>
      <c r="Q165" s="43">
        <v>42.9</v>
      </c>
    </row>
    <row r="166" spans="1:20" ht="21.75" customHeight="1" x14ac:dyDescent="0.15">
      <c r="A166" s="13" t="s">
        <v>31</v>
      </c>
      <c r="B166" s="35" t="s">
        <v>6</v>
      </c>
      <c r="C166" s="35" t="s">
        <v>6</v>
      </c>
      <c r="D166" s="35" t="s">
        <v>6</v>
      </c>
      <c r="E166" s="35" t="s">
        <v>6</v>
      </c>
      <c r="F166" s="35" t="s">
        <v>6</v>
      </c>
      <c r="G166" s="44">
        <v>44.4</v>
      </c>
      <c r="H166" s="44">
        <v>53.3</v>
      </c>
      <c r="I166" s="44">
        <v>60</v>
      </c>
      <c r="J166" s="44">
        <v>55.6</v>
      </c>
      <c r="K166" s="44">
        <v>66.7</v>
      </c>
      <c r="L166" s="44">
        <v>57.1</v>
      </c>
      <c r="M166" s="44">
        <v>57.1</v>
      </c>
      <c r="N166" s="44">
        <v>57.1</v>
      </c>
      <c r="O166" s="44">
        <v>57.1</v>
      </c>
      <c r="P166" s="44">
        <v>57.1</v>
      </c>
      <c r="Q166" s="44">
        <v>57.1</v>
      </c>
    </row>
    <row r="167" spans="1:20" ht="21.75" customHeight="1" x14ac:dyDescent="0.15">
      <c r="A167" s="37" t="s">
        <v>34</v>
      </c>
      <c r="B167" s="4"/>
      <c r="C167" s="4"/>
      <c r="D167" s="4"/>
      <c r="E167" s="4"/>
      <c r="F167" s="4"/>
      <c r="G167" s="4"/>
      <c r="H167" s="4"/>
      <c r="I167" s="4"/>
      <c r="J167" s="4"/>
      <c r="K167" s="4"/>
      <c r="L167" s="4"/>
      <c r="M167" s="4"/>
      <c r="N167" s="4"/>
      <c r="O167" s="5"/>
      <c r="P167" s="5"/>
      <c r="Q167" s="5"/>
      <c r="R167" s="5"/>
      <c r="S167" s="5"/>
      <c r="T167" s="5"/>
    </row>
    <row r="168" spans="1:20" ht="23.25" customHeight="1" x14ac:dyDescent="0.15">
      <c r="A168" s="39"/>
      <c r="B168" s="39"/>
      <c r="C168" s="39"/>
      <c r="D168" s="39"/>
      <c r="E168" s="39"/>
      <c r="F168" s="39"/>
      <c r="G168" s="39"/>
      <c r="H168" s="39"/>
      <c r="I168" s="39"/>
      <c r="J168" s="39"/>
      <c r="K168" s="39"/>
      <c r="L168" s="39"/>
      <c r="M168" s="39"/>
      <c r="N168" s="39"/>
      <c r="O168" s="39"/>
      <c r="P168" s="39"/>
      <c r="Q168" s="39"/>
      <c r="R168" s="39"/>
      <c r="S168" s="39"/>
      <c r="T168" s="39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DE4D61-A851-43B0-96C5-38851E7401DE}">
  <sheetPr codeName="Sheet87"/>
  <dimension ref="A1:U172"/>
  <sheetViews>
    <sheetView zoomScale="55" zoomScaleNormal="55" zoomScaleSheetLayoutView="55" workbookViewId="0"/>
  </sheetViews>
  <sheetFormatPr defaultColWidth="8.875" defaultRowHeight="23.25" customHeight="1" x14ac:dyDescent="0.15"/>
  <cols>
    <col min="1" max="1" width="14.625" style="2" customWidth="1"/>
    <col min="2" max="17" width="13.75" style="2" customWidth="1"/>
    <col min="18" max="18" width="13.625" style="2" customWidth="1"/>
    <col min="19" max="16384" width="8.875" style="2"/>
  </cols>
  <sheetData>
    <row r="1" spans="1:20" ht="23.25" customHeight="1" x14ac:dyDescent="0.15">
      <c r="A1" s="1"/>
    </row>
    <row r="3" spans="1:20" ht="23.25" customHeight="1" x14ac:dyDescent="0.15">
      <c r="A3" s="3" t="s">
        <v>41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5"/>
      <c r="P3" s="5"/>
      <c r="Q3" s="5"/>
      <c r="R3" s="5"/>
      <c r="S3" s="5"/>
      <c r="T3" s="5"/>
    </row>
    <row r="4" spans="1:20" ht="23.25" customHeight="1" x14ac:dyDescent="0.15">
      <c r="A4" s="6" t="s">
        <v>1</v>
      </c>
      <c r="B4" s="6" t="s">
        <v>2</v>
      </c>
      <c r="C4" s="6">
        <v>60</v>
      </c>
      <c r="D4" s="6" t="s">
        <v>3</v>
      </c>
      <c r="E4" s="6">
        <v>7</v>
      </c>
      <c r="F4" s="6">
        <v>12</v>
      </c>
      <c r="G4" s="6">
        <v>17</v>
      </c>
      <c r="H4" s="6">
        <v>22</v>
      </c>
      <c r="I4" s="6">
        <v>27</v>
      </c>
      <c r="J4" s="6">
        <v>30</v>
      </c>
      <c r="K4" s="6" t="s">
        <v>4</v>
      </c>
      <c r="L4" s="6">
        <v>2</v>
      </c>
      <c r="M4" s="6">
        <v>3</v>
      </c>
      <c r="N4" s="6">
        <v>4</v>
      </c>
      <c r="O4" s="6">
        <v>5</v>
      </c>
      <c r="P4" s="6">
        <v>6</v>
      </c>
      <c r="Q4" s="6">
        <v>7</v>
      </c>
    </row>
    <row r="5" spans="1:20" ht="23.25" customHeight="1" x14ac:dyDescent="0.15">
      <c r="A5" s="7" t="s">
        <v>5</v>
      </c>
      <c r="B5" s="8" t="s">
        <v>6</v>
      </c>
      <c r="C5" s="8" t="s">
        <v>6</v>
      </c>
      <c r="D5" s="8" t="s">
        <v>6</v>
      </c>
      <c r="E5" s="8" t="s">
        <v>6</v>
      </c>
      <c r="F5" s="8" t="s">
        <v>6</v>
      </c>
      <c r="G5" s="9">
        <v>63</v>
      </c>
      <c r="H5" s="9">
        <v>46</v>
      </c>
      <c r="I5" s="9">
        <v>35</v>
      </c>
      <c r="J5" s="9">
        <v>31</v>
      </c>
      <c r="K5" s="9">
        <v>27</v>
      </c>
      <c r="L5" s="9">
        <v>23</v>
      </c>
      <c r="M5" s="9">
        <v>23</v>
      </c>
      <c r="N5" s="9">
        <v>17</v>
      </c>
      <c r="O5" s="9">
        <v>17</v>
      </c>
      <c r="P5" s="9">
        <v>10</v>
      </c>
      <c r="Q5" s="9">
        <v>4</v>
      </c>
    </row>
    <row r="6" spans="1:20" ht="23.25" customHeight="1" x14ac:dyDescent="0.15">
      <c r="A6" s="7" t="s">
        <v>7</v>
      </c>
      <c r="B6" s="8" t="s">
        <v>6</v>
      </c>
      <c r="C6" s="8" t="s">
        <v>6</v>
      </c>
      <c r="D6" s="8" t="s">
        <v>6</v>
      </c>
      <c r="E6" s="8" t="s">
        <v>6</v>
      </c>
      <c r="F6" s="8" t="s">
        <v>6</v>
      </c>
      <c r="G6" s="9">
        <v>55</v>
      </c>
      <c r="H6" s="9">
        <v>54</v>
      </c>
      <c r="I6" s="9">
        <v>47</v>
      </c>
      <c r="J6" s="9">
        <v>31</v>
      </c>
      <c r="K6" s="9">
        <v>29</v>
      </c>
      <c r="L6" s="9">
        <v>29</v>
      </c>
      <c r="M6" s="9">
        <v>30</v>
      </c>
      <c r="N6" s="9">
        <v>26</v>
      </c>
      <c r="O6" s="9">
        <v>27</v>
      </c>
      <c r="P6" s="9">
        <v>26</v>
      </c>
      <c r="Q6" s="9">
        <v>22</v>
      </c>
    </row>
    <row r="7" spans="1:20" ht="23.25" customHeight="1" x14ac:dyDescent="0.15">
      <c r="A7" s="7" t="s">
        <v>8</v>
      </c>
      <c r="B7" s="8" t="s">
        <v>6</v>
      </c>
      <c r="C7" s="8" t="s">
        <v>6</v>
      </c>
      <c r="D7" s="8" t="s">
        <v>6</v>
      </c>
      <c r="E7" s="8" t="s">
        <v>6</v>
      </c>
      <c r="F7" s="8" t="s">
        <v>6</v>
      </c>
      <c r="G7" s="9">
        <v>56</v>
      </c>
      <c r="H7" s="9">
        <v>53</v>
      </c>
      <c r="I7" s="9">
        <v>53</v>
      </c>
      <c r="J7" s="9">
        <v>45</v>
      </c>
      <c r="K7" s="9">
        <v>40</v>
      </c>
      <c r="L7" s="9">
        <v>38</v>
      </c>
      <c r="M7" s="9">
        <v>33</v>
      </c>
      <c r="N7" s="9">
        <v>36</v>
      </c>
      <c r="O7" s="9">
        <v>32</v>
      </c>
      <c r="P7" s="9">
        <v>31</v>
      </c>
      <c r="Q7" s="9">
        <v>30</v>
      </c>
    </row>
    <row r="8" spans="1:20" ht="23.25" customHeight="1" x14ac:dyDescent="0.15">
      <c r="A8" s="10" t="s">
        <v>9</v>
      </c>
      <c r="B8" s="11" t="s">
        <v>6</v>
      </c>
      <c r="C8" s="11" t="s">
        <v>6</v>
      </c>
      <c r="D8" s="11" t="s">
        <v>6</v>
      </c>
      <c r="E8" s="11" t="s">
        <v>6</v>
      </c>
      <c r="F8" s="11" t="s">
        <v>6</v>
      </c>
      <c r="G8" s="12">
        <v>66</v>
      </c>
      <c r="H8" s="12">
        <v>48</v>
      </c>
      <c r="I8" s="12">
        <v>41</v>
      </c>
      <c r="J8" s="12">
        <v>38</v>
      </c>
      <c r="K8" s="12">
        <v>42</v>
      </c>
      <c r="L8" s="12">
        <v>41</v>
      </c>
      <c r="M8" s="12">
        <v>47</v>
      </c>
      <c r="N8" s="12">
        <v>41</v>
      </c>
      <c r="O8" s="12">
        <v>39</v>
      </c>
      <c r="P8" s="12">
        <v>36</v>
      </c>
      <c r="Q8" s="12">
        <v>35</v>
      </c>
    </row>
    <row r="9" spans="1:20" ht="23.25" customHeight="1" x14ac:dyDescent="0.15">
      <c r="A9" s="10" t="s">
        <v>10</v>
      </c>
      <c r="B9" s="11" t="s">
        <v>6</v>
      </c>
      <c r="C9" s="11" t="s">
        <v>6</v>
      </c>
      <c r="D9" s="11" t="s">
        <v>6</v>
      </c>
      <c r="E9" s="11" t="s">
        <v>6</v>
      </c>
      <c r="F9" s="11" t="s">
        <v>6</v>
      </c>
      <c r="G9" s="12">
        <v>87</v>
      </c>
      <c r="H9" s="12">
        <v>60</v>
      </c>
      <c r="I9" s="12">
        <v>44</v>
      </c>
      <c r="J9" s="12">
        <v>38</v>
      </c>
      <c r="K9" s="12">
        <v>36</v>
      </c>
      <c r="L9" s="12">
        <v>34</v>
      </c>
      <c r="M9" s="12">
        <v>29</v>
      </c>
      <c r="N9" s="12">
        <v>32</v>
      </c>
      <c r="O9" s="12">
        <v>29</v>
      </c>
      <c r="P9" s="12">
        <v>35</v>
      </c>
      <c r="Q9" s="12">
        <v>38</v>
      </c>
    </row>
    <row r="10" spans="1:20" ht="23.25" customHeight="1" x14ac:dyDescent="0.15">
      <c r="A10" s="10" t="s">
        <v>11</v>
      </c>
      <c r="B10" s="11" t="s">
        <v>6</v>
      </c>
      <c r="C10" s="11" t="s">
        <v>6</v>
      </c>
      <c r="D10" s="11" t="s">
        <v>6</v>
      </c>
      <c r="E10" s="11" t="s">
        <v>6</v>
      </c>
      <c r="F10" s="11" t="s">
        <v>6</v>
      </c>
      <c r="G10" s="12">
        <v>75</v>
      </c>
      <c r="H10" s="12">
        <v>68</v>
      </c>
      <c r="I10" s="12">
        <v>53</v>
      </c>
      <c r="J10" s="12">
        <v>51</v>
      </c>
      <c r="K10" s="12">
        <v>41</v>
      </c>
      <c r="L10" s="12">
        <v>33</v>
      </c>
      <c r="M10" s="12">
        <v>35</v>
      </c>
      <c r="N10" s="12">
        <v>25</v>
      </c>
      <c r="O10" s="12">
        <v>21</v>
      </c>
      <c r="P10" s="12">
        <v>23</v>
      </c>
      <c r="Q10" s="12">
        <v>21</v>
      </c>
    </row>
    <row r="11" spans="1:20" ht="23.25" customHeight="1" x14ac:dyDescent="0.15">
      <c r="A11" s="10" t="s">
        <v>12</v>
      </c>
      <c r="B11" s="11" t="s">
        <v>6</v>
      </c>
      <c r="C11" s="11" t="s">
        <v>6</v>
      </c>
      <c r="D11" s="11" t="s">
        <v>6</v>
      </c>
      <c r="E11" s="11" t="s">
        <v>6</v>
      </c>
      <c r="F11" s="11" t="s">
        <v>6</v>
      </c>
      <c r="G11" s="12">
        <v>86</v>
      </c>
      <c r="H11" s="12">
        <v>62</v>
      </c>
      <c r="I11" s="12">
        <v>61</v>
      </c>
      <c r="J11" s="12">
        <v>45</v>
      </c>
      <c r="K11" s="12">
        <v>47</v>
      </c>
      <c r="L11" s="12">
        <v>48</v>
      </c>
      <c r="M11" s="12">
        <v>42</v>
      </c>
      <c r="N11" s="12">
        <v>33</v>
      </c>
      <c r="O11" s="12">
        <v>31</v>
      </c>
      <c r="P11" s="12">
        <v>22</v>
      </c>
      <c r="Q11" s="12">
        <v>13</v>
      </c>
    </row>
    <row r="12" spans="1:20" ht="23.25" customHeight="1" x14ac:dyDescent="0.15">
      <c r="A12" s="10" t="s">
        <v>13</v>
      </c>
      <c r="B12" s="11" t="s">
        <v>6</v>
      </c>
      <c r="C12" s="11" t="s">
        <v>6</v>
      </c>
      <c r="D12" s="11" t="s">
        <v>6</v>
      </c>
      <c r="E12" s="11" t="s">
        <v>6</v>
      </c>
      <c r="F12" s="11" t="s">
        <v>6</v>
      </c>
      <c r="G12" s="12">
        <v>50</v>
      </c>
      <c r="H12" s="12">
        <v>72</v>
      </c>
      <c r="I12" s="12">
        <v>40</v>
      </c>
      <c r="J12" s="12">
        <v>47</v>
      </c>
      <c r="K12" s="12">
        <v>46</v>
      </c>
      <c r="L12" s="12">
        <v>45</v>
      </c>
      <c r="M12" s="12">
        <v>40</v>
      </c>
      <c r="N12" s="12">
        <v>35</v>
      </c>
      <c r="O12" s="12">
        <v>39</v>
      </c>
      <c r="P12" s="12">
        <v>40</v>
      </c>
      <c r="Q12" s="12">
        <v>36</v>
      </c>
    </row>
    <row r="13" spans="1:20" ht="23.25" customHeight="1" x14ac:dyDescent="0.15">
      <c r="A13" s="10" t="s">
        <v>14</v>
      </c>
      <c r="B13" s="11" t="s">
        <v>6</v>
      </c>
      <c r="C13" s="11" t="s">
        <v>6</v>
      </c>
      <c r="D13" s="11" t="s">
        <v>6</v>
      </c>
      <c r="E13" s="11" t="s">
        <v>6</v>
      </c>
      <c r="F13" s="11" t="s">
        <v>6</v>
      </c>
      <c r="G13" s="12">
        <v>53</v>
      </c>
      <c r="H13" s="12">
        <v>52</v>
      </c>
      <c r="I13" s="12">
        <v>62</v>
      </c>
      <c r="J13" s="12">
        <v>51</v>
      </c>
      <c r="K13" s="12">
        <v>40</v>
      </c>
      <c r="L13" s="12">
        <v>36</v>
      </c>
      <c r="M13" s="12">
        <v>44</v>
      </c>
      <c r="N13" s="12">
        <v>50</v>
      </c>
      <c r="O13" s="12">
        <v>42</v>
      </c>
      <c r="P13" s="12">
        <v>45</v>
      </c>
      <c r="Q13" s="12">
        <v>43</v>
      </c>
    </row>
    <row r="14" spans="1:20" ht="23.25" customHeight="1" x14ac:dyDescent="0.15">
      <c r="A14" s="10" t="s">
        <v>15</v>
      </c>
      <c r="B14" s="11" t="s">
        <v>6</v>
      </c>
      <c r="C14" s="11" t="s">
        <v>6</v>
      </c>
      <c r="D14" s="11" t="s">
        <v>6</v>
      </c>
      <c r="E14" s="11" t="s">
        <v>6</v>
      </c>
      <c r="F14" s="11" t="s">
        <v>6</v>
      </c>
      <c r="G14" s="12">
        <v>78</v>
      </c>
      <c r="H14" s="12">
        <v>50</v>
      </c>
      <c r="I14" s="12">
        <v>49</v>
      </c>
      <c r="J14" s="12">
        <v>54</v>
      </c>
      <c r="K14" s="12">
        <v>58</v>
      </c>
      <c r="L14" s="12">
        <v>59</v>
      </c>
      <c r="M14" s="12">
        <v>53</v>
      </c>
      <c r="N14" s="12">
        <v>50</v>
      </c>
      <c r="O14" s="12">
        <v>47</v>
      </c>
      <c r="P14" s="12">
        <v>36</v>
      </c>
      <c r="Q14" s="12">
        <v>35</v>
      </c>
    </row>
    <row r="15" spans="1:20" ht="23.25" customHeight="1" x14ac:dyDescent="0.15">
      <c r="A15" s="10" t="s">
        <v>16</v>
      </c>
      <c r="B15" s="11" t="s">
        <v>6</v>
      </c>
      <c r="C15" s="11" t="s">
        <v>6</v>
      </c>
      <c r="D15" s="11" t="s">
        <v>6</v>
      </c>
      <c r="E15" s="11" t="s">
        <v>6</v>
      </c>
      <c r="F15" s="11" t="s">
        <v>6</v>
      </c>
      <c r="G15" s="12">
        <v>109</v>
      </c>
      <c r="H15" s="12">
        <v>73</v>
      </c>
      <c r="I15" s="12">
        <v>51</v>
      </c>
      <c r="J15" s="12">
        <v>51</v>
      </c>
      <c r="K15" s="12">
        <v>49</v>
      </c>
      <c r="L15" s="12">
        <v>49</v>
      </c>
      <c r="M15" s="12">
        <v>50</v>
      </c>
      <c r="N15" s="12">
        <v>44</v>
      </c>
      <c r="O15" s="12">
        <v>51</v>
      </c>
      <c r="P15" s="12">
        <v>55</v>
      </c>
      <c r="Q15" s="12">
        <v>56</v>
      </c>
    </row>
    <row r="16" spans="1:20" ht="23.25" customHeight="1" x14ac:dyDescent="0.15">
      <c r="A16" s="10" t="s">
        <v>17</v>
      </c>
      <c r="B16" s="11" t="s">
        <v>6</v>
      </c>
      <c r="C16" s="11" t="s">
        <v>6</v>
      </c>
      <c r="D16" s="11" t="s">
        <v>6</v>
      </c>
      <c r="E16" s="11" t="s">
        <v>6</v>
      </c>
      <c r="F16" s="11" t="s">
        <v>6</v>
      </c>
      <c r="G16" s="12">
        <v>103</v>
      </c>
      <c r="H16" s="12">
        <v>105</v>
      </c>
      <c r="I16" s="12">
        <v>75</v>
      </c>
      <c r="J16" s="12">
        <v>49</v>
      </c>
      <c r="K16" s="12">
        <v>51</v>
      </c>
      <c r="L16" s="12">
        <v>47</v>
      </c>
      <c r="M16" s="12">
        <v>50</v>
      </c>
      <c r="N16" s="12">
        <v>58</v>
      </c>
      <c r="O16" s="12">
        <v>50</v>
      </c>
      <c r="P16" s="12">
        <v>46</v>
      </c>
      <c r="Q16" s="12">
        <v>47</v>
      </c>
    </row>
    <row r="17" spans="1:17" ht="23.25" customHeight="1" x14ac:dyDescent="0.15">
      <c r="A17" s="10" t="s">
        <v>18</v>
      </c>
      <c r="B17" s="11" t="s">
        <v>6</v>
      </c>
      <c r="C17" s="11" t="s">
        <v>6</v>
      </c>
      <c r="D17" s="11" t="s">
        <v>6</v>
      </c>
      <c r="E17" s="11" t="s">
        <v>6</v>
      </c>
      <c r="F17" s="11" t="s">
        <v>6</v>
      </c>
      <c r="G17" s="12">
        <v>72</v>
      </c>
      <c r="H17" s="12">
        <v>101</v>
      </c>
      <c r="I17" s="12">
        <v>102</v>
      </c>
      <c r="J17" s="12">
        <v>84</v>
      </c>
      <c r="K17" s="12">
        <v>73</v>
      </c>
      <c r="L17" s="12">
        <v>74</v>
      </c>
      <c r="M17" s="12">
        <v>58</v>
      </c>
      <c r="N17" s="12">
        <v>49</v>
      </c>
      <c r="O17" s="12">
        <v>47</v>
      </c>
      <c r="P17" s="12">
        <v>50</v>
      </c>
      <c r="Q17" s="12">
        <v>46</v>
      </c>
    </row>
    <row r="18" spans="1:17" ht="23.25" customHeight="1" x14ac:dyDescent="0.15">
      <c r="A18" s="13" t="s">
        <v>19</v>
      </c>
      <c r="B18" s="14" t="s">
        <v>6</v>
      </c>
      <c r="C18" s="14" t="s">
        <v>6</v>
      </c>
      <c r="D18" s="14" t="s">
        <v>6</v>
      </c>
      <c r="E18" s="14" t="s">
        <v>6</v>
      </c>
      <c r="F18" s="14" t="s">
        <v>6</v>
      </c>
      <c r="G18" s="15">
        <v>51</v>
      </c>
      <c r="H18" s="15">
        <v>68</v>
      </c>
      <c r="I18" s="15">
        <v>94</v>
      </c>
      <c r="J18" s="15">
        <v>105</v>
      </c>
      <c r="K18" s="15">
        <v>104</v>
      </c>
      <c r="L18" s="15">
        <v>100</v>
      </c>
      <c r="M18" s="15">
        <v>106</v>
      </c>
      <c r="N18" s="15">
        <v>90</v>
      </c>
      <c r="O18" s="15">
        <v>83</v>
      </c>
      <c r="P18" s="15">
        <v>70</v>
      </c>
      <c r="Q18" s="15">
        <v>68</v>
      </c>
    </row>
    <row r="19" spans="1:17" ht="23.25" customHeight="1" x14ac:dyDescent="0.15">
      <c r="A19" s="13" t="s">
        <v>20</v>
      </c>
      <c r="B19" s="14" t="s">
        <v>6</v>
      </c>
      <c r="C19" s="14" t="s">
        <v>6</v>
      </c>
      <c r="D19" s="14" t="s">
        <v>6</v>
      </c>
      <c r="E19" s="14" t="s">
        <v>6</v>
      </c>
      <c r="F19" s="14" t="s">
        <v>6</v>
      </c>
      <c r="G19" s="15">
        <v>76</v>
      </c>
      <c r="H19" s="15">
        <v>49</v>
      </c>
      <c r="I19" s="15">
        <v>66</v>
      </c>
      <c r="J19" s="15">
        <v>73</v>
      </c>
      <c r="K19" s="15">
        <v>79</v>
      </c>
      <c r="L19" s="15">
        <v>88</v>
      </c>
      <c r="M19" s="15">
        <v>89</v>
      </c>
      <c r="N19" s="15">
        <v>97</v>
      </c>
      <c r="O19" s="15">
        <v>102</v>
      </c>
      <c r="P19" s="15">
        <v>98</v>
      </c>
      <c r="Q19" s="15">
        <v>92</v>
      </c>
    </row>
    <row r="20" spans="1:17" ht="23.25" customHeight="1" x14ac:dyDescent="0.15">
      <c r="A20" s="13" t="s">
        <v>21</v>
      </c>
      <c r="B20" s="14" t="s">
        <v>6</v>
      </c>
      <c r="C20" s="14" t="s">
        <v>6</v>
      </c>
      <c r="D20" s="14" t="s">
        <v>6</v>
      </c>
      <c r="E20" s="14" t="s">
        <v>6</v>
      </c>
      <c r="F20" s="14" t="s">
        <v>6</v>
      </c>
      <c r="G20" s="15">
        <v>76</v>
      </c>
      <c r="H20" s="15">
        <v>65</v>
      </c>
      <c r="I20" s="15">
        <v>45</v>
      </c>
      <c r="J20" s="15">
        <v>60</v>
      </c>
      <c r="K20" s="15">
        <v>59</v>
      </c>
      <c r="L20" s="15">
        <v>56</v>
      </c>
      <c r="M20" s="15">
        <v>56</v>
      </c>
      <c r="N20" s="15">
        <v>56</v>
      </c>
      <c r="O20" s="15">
        <v>63</v>
      </c>
      <c r="P20" s="15">
        <v>68</v>
      </c>
      <c r="Q20" s="15">
        <v>80</v>
      </c>
    </row>
    <row r="21" spans="1:17" ht="23.25" customHeight="1" x14ac:dyDescent="0.15">
      <c r="A21" s="13" t="s">
        <v>22</v>
      </c>
      <c r="B21" s="14" t="s">
        <v>6</v>
      </c>
      <c r="C21" s="14" t="s">
        <v>6</v>
      </c>
      <c r="D21" s="14" t="s">
        <v>6</v>
      </c>
      <c r="E21" s="14" t="s">
        <v>6</v>
      </c>
      <c r="F21" s="14" t="s">
        <v>6</v>
      </c>
      <c r="G21" s="15">
        <v>50</v>
      </c>
      <c r="H21" s="15">
        <v>65</v>
      </c>
      <c r="I21" s="15">
        <v>61</v>
      </c>
      <c r="J21" s="15">
        <v>48</v>
      </c>
      <c r="K21" s="15">
        <v>43</v>
      </c>
      <c r="L21" s="15">
        <v>35</v>
      </c>
      <c r="M21" s="15">
        <v>41</v>
      </c>
      <c r="N21" s="15">
        <v>45</v>
      </c>
      <c r="O21" s="15">
        <v>50</v>
      </c>
      <c r="P21" s="15">
        <v>52</v>
      </c>
      <c r="Q21" s="15">
        <v>47</v>
      </c>
    </row>
    <row r="22" spans="1:17" ht="23.25" customHeight="1" x14ac:dyDescent="0.15">
      <c r="A22" s="13" t="s">
        <v>23</v>
      </c>
      <c r="B22" s="14" t="s">
        <v>6</v>
      </c>
      <c r="C22" s="14" t="s">
        <v>6</v>
      </c>
      <c r="D22" s="14" t="s">
        <v>6</v>
      </c>
      <c r="E22" s="14" t="s">
        <v>6</v>
      </c>
      <c r="F22" s="14" t="s">
        <v>6</v>
      </c>
      <c r="G22" s="15">
        <v>33</v>
      </c>
      <c r="H22" s="15">
        <v>33</v>
      </c>
      <c r="I22" s="15">
        <v>44</v>
      </c>
      <c r="J22" s="15">
        <v>41</v>
      </c>
      <c r="K22" s="15">
        <v>37</v>
      </c>
      <c r="L22" s="15">
        <v>45</v>
      </c>
      <c r="M22" s="15">
        <v>39</v>
      </c>
      <c r="N22" s="15">
        <v>37</v>
      </c>
      <c r="O22" s="15">
        <v>38</v>
      </c>
      <c r="P22" s="15">
        <v>34</v>
      </c>
      <c r="Q22" s="15">
        <v>27</v>
      </c>
    </row>
    <row r="23" spans="1:17" ht="23.25" customHeight="1" x14ac:dyDescent="0.15">
      <c r="A23" s="13" t="s">
        <v>24</v>
      </c>
      <c r="B23" s="14" t="s">
        <v>6</v>
      </c>
      <c r="C23" s="14" t="s">
        <v>6</v>
      </c>
      <c r="D23" s="14" t="s">
        <v>6</v>
      </c>
      <c r="E23" s="14" t="s">
        <v>6</v>
      </c>
      <c r="F23" s="14" t="s">
        <v>6</v>
      </c>
      <c r="G23" s="15">
        <v>8</v>
      </c>
      <c r="H23" s="15">
        <v>17</v>
      </c>
      <c r="I23" s="15">
        <v>21</v>
      </c>
      <c r="J23" s="15">
        <v>19</v>
      </c>
      <c r="K23" s="15">
        <v>25</v>
      </c>
      <c r="L23" s="15">
        <v>22</v>
      </c>
      <c r="M23" s="15">
        <v>25</v>
      </c>
      <c r="N23" s="15">
        <v>27</v>
      </c>
      <c r="O23" s="15">
        <v>24</v>
      </c>
      <c r="P23" s="15">
        <v>22</v>
      </c>
      <c r="Q23" s="15">
        <v>25</v>
      </c>
    </row>
    <row r="24" spans="1:17" ht="23.25" customHeight="1" x14ac:dyDescent="0.15">
      <c r="A24" s="13" t="s">
        <v>25</v>
      </c>
      <c r="B24" s="14" t="s">
        <v>6</v>
      </c>
      <c r="C24" s="14" t="s">
        <v>6</v>
      </c>
      <c r="D24" s="14" t="s">
        <v>6</v>
      </c>
      <c r="E24" s="14" t="s">
        <v>6</v>
      </c>
      <c r="F24" s="14" t="s">
        <v>6</v>
      </c>
      <c r="G24" s="15">
        <v>3</v>
      </c>
      <c r="H24" s="15">
        <v>2</v>
      </c>
      <c r="I24" s="15">
        <v>4</v>
      </c>
      <c r="J24" s="15">
        <v>5</v>
      </c>
      <c r="K24" s="15">
        <v>7</v>
      </c>
      <c r="L24" s="15">
        <v>7</v>
      </c>
      <c r="M24" s="15">
        <v>4</v>
      </c>
      <c r="N24" s="15">
        <v>4</v>
      </c>
      <c r="O24" s="15">
        <v>7</v>
      </c>
      <c r="P24" s="15">
        <v>9</v>
      </c>
      <c r="Q24" s="15">
        <v>7</v>
      </c>
    </row>
    <row r="25" spans="1:17" ht="23.25" customHeight="1" x14ac:dyDescent="0.15">
      <c r="A25" s="13" t="s">
        <v>26</v>
      </c>
      <c r="B25" s="14" t="s">
        <v>6</v>
      </c>
      <c r="C25" s="14" t="s">
        <v>6</v>
      </c>
      <c r="D25" s="14" t="s">
        <v>6</v>
      </c>
      <c r="E25" s="14" t="s">
        <v>6</v>
      </c>
      <c r="F25" s="14" t="s">
        <v>6</v>
      </c>
      <c r="G25" s="15">
        <v>0</v>
      </c>
      <c r="H25" s="15">
        <v>1</v>
      </c>
      <c r="I25" s="15">
        <v>1</v>
      </c>
      <c r="J25" s="15">
        <v>0</v>
      </c>
      <c r="K25" s="15">
        <v>0</v>
      </c>
      <c r="L25" s="15">
        <v>0</v>
      </c>
      <c r="M25" s="15">
        <v>0</v>
      </c>
      <c r="N25" s="15">
        <v>1</v>
      </c>
      <c r="O25" s="15">
        <v>1</v>
      </c>
      <c r="P25" s="15">
        <v>1</v>
      </c>
      <c r="Q25" s="15">
        <v>0</v>
      </c>
    </row>
    <row r="26" spans="1:17" ht="23.25" customHeight="1" x14ac:dyDescent="0.15">
      <c r="A26" s="6" t="s">
        <v>27</v>
      </c>
      <c r="B26" s="16" t="s">
        <v>6</v>
      </c>
      <c r="C26" s="16" t="s">
        <v>6</v>
      </c>
      <c r="D26" s="16" t="s">
        <v>6</v>
      </c>
      <c r="E26" s="16" t="s">
        <v>6</v>
      </c>
      <c r="F26" s="16" t="s">
        <v>6</v>
      </c>
      <c r="G26" s="17">
        <v>1250</v>
      </c>
      <c r="H26" s="17">
        <v>1144</v>
      </c>
      <c r="I26" s="17">
        <v>1049</v>
      </c>
      <c r="J26" s="17">
        <v>966</v>
      </c>
      <c r="K26" s="17">
        <v>933</v>
      </c>
      <c r="L26" s="17">
        <v>909</v>
      </c>
      <c r="M26" s="17">
        <v>894</v>
      </c>
      <c r="N26" s="17">
        <v>853</v>
      </c>
      <c r="O26" s="17">
        <v>840</v>
      </c>
      <c r="P26" s="17">
        <v>809</v>
      </c>
      <c r="Q26" s="17">
        <v>772</v>
      </c>
    </row>
    <row r="27" spans="1:17" ht="23.25" customHeight="1" x14ac:dyDescent="0.15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ht="20.100000000000001" customHeight="1" x14ac:dyDescent="0.2">
      <c r="A28" s="4"/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O28" s="18"/>
      <c r="P28" s="18"/>
      <c r="Q28" s="18"/>
    </row>
    <row r="29" spans="1:17" s="3" customFormat="1" ht="21.75" customHeight="1" x14ac:dyDescent="0.15">
      <c r="A29" s="3" t="s">
        <v>28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15">
      <c r="A30" s="6" t="s">
        <v>1</v>
      </c>
      <c r="B30" s="6" t="s">
        <v>2</v>
      </c>
      <c r="C30" s="6">
        <v>60</v>
      </c>
      <c r="D30" s="6" t="s">
        <v>3</v>
      </c>
      <c r="E30" s="6">
        <v>7</v>
      </c>
      <c r="F30" s="6">
        <v>12</v>
      </c>
      <c r="G30" s="6">
        <v>17</v>
      </c>
      <c r="H30" s="6">
        <v>22</v>
      </c>
      <c r="I30" s="6">
        <v>27</v>
      </c>
      <c r="J30" s="6">
        <v>30</v>
      </c>
      <c r="K30" s="6" t="s">
        <v>4</v>
      </c>
      <c r="L30" s="6">
        <v>2</v>
      </c>
      <c r="M30" s="6">
        <v>3</v>
      </c>
      <c r="N30" s="6">
        <v>4</v>
      </c>
      <c r="O30" s="6">
        <v>5</v>
      </c>
      <c r="P30" s="6">
        <v>6</v>
      </c>
      <c r="Q30" s="6">
        <v>7</v>
      </c>
    </row>
    <row r="31" spans="1:17" ht="23.25" customHeight="1" x14ac:dyDescent="0.15">
      <c r="A31" s="7" t="s">
        <v>29</v>
      </c>
      <c r="B31" s="8" t="s">
        <v>6</v>
      </c>
      <c r="C31" s="8" t="s">
        <v>6</v>
      </c>
      <c r="D31" s="8" t="s">
        <v>6</v>
      </c>
      <c r="E31" s="8" t="s">
        <v>6</v>
      </c>
      <c r="F31" s="8" t="s">
        <v>6</v>
      </c>
      <c r="G31" s="20">
        <v>174</v>
      </c>
      <c r="H31" s="20">
        <v>153</v>
      </c>
      <c r="I31" s="20">
        <v>135</v>
      </c>
      <c r="J31" s="20">
        <v>107</v>
      </c>
      <c r="K31" s="20">
        <v>96</v>
      </c>
      <c r="L31" s="20">
        <v>90</v>
      </c>
      <c r="M31" s="20">
        <v>86</v>
      </c>
      <c r="N31" s="20">
        <v>79</v>
      </c>
      <c r="O31" s="20">
        <v>76</v>
      </c>
      <c r="P31" s="20">
        <v>67</v>
      </c>
      <c r="Q31" s="20">
        <v>56</v>
      </c>
    </row>
    <row r="32" spans="1:17" ht="23.25" customHeight="1" x14ac:dyDescent="0.15">
      <c r="A32" s="10" t="s">
        <v>30</v>
      </c>
      <c r="B32" s="11" t="s">
        <v>6</v>
      </c>
      <c r="C32" s="11" t="s">
        <v>6</v>
      </c>
      <c r="D32" s="11" t="s">
        <v>6</v>
      </c>
      <c r="E32" s="11" t="s">
        <v>6</v>
      </c>
      <c r="F32" s="11" t="s">
        <v>6</v>
      </c>
      <c r="G32" s="21">
        <v>779</v>
      </c>
      <c r="H32" s="21">
        <v>691</v>
      </c>
      <c r="I32" s="21">
        <v>578</v>
      </c>
      <c r="J32" s="21">
        <v>508</v>
      </c>
      <c r="K32" s="21">
        <v>483</v>
      </c>
      <c r="L32" s="21">
        <v>466</v>
      </c>
      <c r="M32" s="21">
        <v>448</v>
      </c>
      <c r="N32" s="21">
        <v>417</v>
      </c>
      <c r="O32" s="21">
        <v>396</v>
      </c>
      <c r="P32" s="21">
        <v>388</v>
      </c>
      <c r="Q32" s="21">
        <v>370</v>
      </c>
    </row>
    <row r="33" spans="1:21" ht="23.25" customHeight="1" x14ac:dyDescent="0.15">
      <c r="A33" s="13" t="s">
        <v>31</v>
      </c>
      <c r="B33" s="14" t="s">
        <v>6</v>
      </c>
      <c r="C33" s="14" t="s">
        <v>6</v>
      </c>
      <c r="D33" s="14" t="s">
        <v>6</v>
      </c>
      <c r="E33" s="14" t="s">
        <v>6</v>
      </c>
      <c r="F33" s="14" t="s">
        <v>6</v>
      </c>
      <c r="G33" s="22">
        <v>297</v>
      </c>
      <c r="H33" s="22">
        <v>300</v>
      </c>
      <c r="I33" s="22">
        <v>336</v>
      </c>
      <c r="J33" s="22">
        <v>351</v>
      </c>
      <c r="K33" s="22">
        <v>354</v>
      </c>
      <c r="L33" s="22">
        <v>353</v>
      </c>
      <c r="M33" s="22">
        <v>360</v>
      </c>
      <c r="N33" s="22">
        <v>357</v>
      </c>
      <c r="O33" s="22">
        <v>368</v>
      </c>
      <c r="P33" s="22">
        <v>354</v>
      </c>
      <c r="Q33" s="22">
        <v>346</v>
      </c>
    </row>
    <row r="34" spans="1:21" ht="23.25" customHeight="1" x14ac:dyDescent="0.15">
      <c r="A34" s="6" t="s">
        <v>32</v>
      </c>
      <c r="B34" s="16" t="s">
        <v>6</v>
      </c>
      <c r="C34" s="16" t="s">
        <v>6</v>
      </c>
      <c r="D34" s="16" t="s">
        <v>6</v>
      </c>
      <c r="E34" s="16" t="s">
        <v>6</v>
      </c>
      <c r="F34" s="16" t="s">
        <v>6</v>
      </c>
      <c r="G34" s="23">
        <v>1250</v>
      </c>
      <c r="H34" s="23">
        <v>1144</v>
      </c>
      <c r="I34" s="23">
        <v>1049</v>
      </c>
      <c r="J34" s="23">
        <v>966</v>
      </c>
      <c r="K34" s="23">
        <v>933</v>
      </c>
      <c r="L34" s="23">
        <v>909</v>
      </c>
      <c r="M34" s="23">
        <v>894</v>
      </c>
      <c r="N34" s="23">
        <v>853</v>
      </c>
      <c r="O34" s="23">
        <v>840</v>
      </c>
      <c r="P34" s="23">
        <v>809</v>
      </c>
      <c r="Q34" s="23">
        <v>772</v>
      </c>
    </row>
    <row r="35" spans="1:21" s="5" customFormat="1" ht="21.75" customHeight="1" x14ac:dyDescent="0.15">
      <c r="A35" s="24"/>
      <c r="B35" s="25"/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6"/>
      <c r="Q35" s="26"/>
    </row>
    <row r="36" spans="1:21" s="5" customFormat="1" ht="21.75" customHeight="1" x14ac:dyDescent="0.15">
      <c r="A36" s="27"/>
      <c r="B36" s="26"/>
      <c r="C36" s="26"/>
      <c r="D36" s="26"/>
      <c r="E36" s="26"/>
      <c r="F36" s="26"/>
      <c r="G36" s="26"/>
      <c r="H36" s="26"/>
      <c r="I36" s="26"/>
      <c r="J36" s="26"/>
      <c r="K36" s="26"/>
      <c r="L36" s="26"/>
      <c r="M36" s="26"/>
      <c r="N36" s="26"/>
      <c r="O36" s="26"/>
      <c r="P36" s="26"/>
      <c r="Q36" s="26"/>
    </row>
    <row r="37" spans="1:21" s="3" customFormat="1" ht="21.75" customHeight="1" x14ac:dyDescent="0.15">
      <c r="A37" s="28" t="s">
        <v>33</v>
      </c>
      <c r="B37" s="29"/>
      <c r="C37" s="29"/>
      <c r="D37" s="29"/>
      <c r="E37" s="29"/>
      <c r="F37" s="29"/>
      <c r="G37" s="29"/>
      <c r="H37" s="29"/>
      <c r="I37" s="29"/>
      <c r="J37" s="29"/>
      <c r="K37" s="29"/>
      <c r="L37" s="29"/>
      <c r="M37" s="29"/>
      <c r="N37" s="29"/>
      <c r="O37" s="29"/>
      <c r="P37" s="30"/>
      <c r="Q37" s="30"/>
    </row>
    <row r="38" spans="1:21" s="5" customFormat="1" ht="21.75" customHeight="1" x14ac:dyDescent="0.15">
      <c r="A38" s="6" t="s">
        <v>1</v>
      </c>
      <c r="B38" s="6" t="s">
        <v>2</v>
      </c>
      <c r="C38" s="6">
        <v>60</v>
      </c>
      <c r="D38" s="6" t="s">
        <v>3</v>
      </c>
      <c r="E38" s="6">
        <v>7</v>
      </c>
      <c r="F38" s="6">
        <v>12</v>
      </c>
      <c r="G38" s="6">
        <v>17</v>
      </c>
      <c r="H38" s="6">
        <v>22</v>
      </c>
      <c r="I38" s="6">
        <v>27</v>
      </c>
      <c r="J38" s="6">
        <v>30</v>
      </c>
      <c r="K38" s="6" t="s">
        <v>4</v>
      </c>
      <c r="L38" s="6">
        <v>2</v>
      </c>
      <c r="M38" s="6">
        <v>3</v>
      </c>
      <c r="N38" s="6">
        <v>4</v>
      </c>
      <c r="O38" s="6">
        <v>5</v>
      </c>
      <c r="P38" s="6">
        <v>6</v>
      </c>
      <c r="Q38" s="6">
        <v>7</v>
      </c>
    </row>
    <row r="39" spans="1:21" ht="23.25" customHeight="1" x14ac:dyDescent="0.15">
      <c r="A39" s="7" t="s">
        <v>29</v>
      </c>
      <c r="B39" s="31" t="s">
        <v>6</v>
      </c>
      <c r="C39" s="31" t="s">
        <v>6</v>
      </c>
      <c r="D39" s="31" t="s">
        <v>6</v>
      </c>
      <c r="E39" s="31" t="s">
        <v>6</v>
      </c>
      <c r="F39" s="31" t="s">
        <v>6</v>
      </c>
      <c r="G39" s="32">
        <v>13.9</v>
      </c>
      <c r="H39" s="32">
        <v>13.4</v>
      </c>
      <c r="I39" s="32">
        <v>12.9</v>
      </c>
      <c r="J39" s="32">
        <v>11.1</v>
      </c>
      <c r="K39" s="32">
        <v>10.3</v>
      </c>
      <c r="L39" s="32">
        <v>9.9</v>
      </c>
      <c r="M39" s="32">
        <v>9.6</v>
      </c>
      <c r="N39" s="32">
        <v>9.3000000000000007</v>
      </c>
      <c r="O39" s="32">
        <v>9</v>
      </c>
      <c r="P39" s="32">
        <v>8.3000000000000007</v>
      </c>
      <c r="Q39" s="32">
        <v>7.3</v>
      </c>
    </row>
    <row r="40" spans="1:21" ht="23.25" customHeight="1" x14ac:dyDescent="0.15">
      <c r="A40" s="10" t="s">
        <v>30</v>
      </c>
      <c r="B40" s="33" t="s">
        <v>6</v>
      </c>
      <c r="C40" s="33" t="s">
        <v>6</v>
      </c>
      <c r="D40" s="33" t="s">
        <v>6</v>
      </c>
      <c r="E40" s="33" t="s">
        <v>6</v>
      </c>
      <c r="F40" s="33" t="s">
        <v>6</v>
      </c>
      <c r="G40" s="34">
        <v>62.3</v>
      </c>
      <c r="H40" s="34">
        <v>60.4</v>
      </c>
      <c r="I40" s="34">
        <v>55.1</v>
      </c>
      <c r="J40" s="34">
        <v>52.6</v>
      </c>
      <c r="K40" s="34">
        <v>51.8</v>
      </c>
      <c r="L40" s="34">
        <v>51.3</v>
      </c>
      <c r="M40" s="34">
        <v>50.1</v>
      </c>
      <c r="N40" s="34">
        <v>48.9</v>
      </c>
      <c r="O40" s="34">
        <v>47.1</v>
      </c>
      <c r="P40" s="34">
        <v>48</v>
      </c>
      <c r="Q40" s="34">
        <v>47.9</v>
      </c>
    </row>
    <row r="41" spans="1:21" ht="23.25" customHeight="1" x14ac:dyDescent="0.15">
      <c r="A41" s="13" t="s">
        <v>31</v>
      </c>
      <c r="B41" s="35" t="s">
        <v>6</v>
      </c>
      <c r="C41" s="35" t="s">
        <v>6</v>
      </c>
      <c r="D41" s="35" t="s">
        <v>6</v>
      </c>
      <c r="E41" s="35" t="s">
        <v>6</v>
      </c>
      <c r="F41" s="35" t="s">
        <v>6</v>
      </c>
      <c r="G41" s="36">
        <v>23.8</v>
      </c>
      <c r="H41" s="36">
        <v>26.2</v>
      </c>
      <c r="I41" s="36">
        <v>32</v>
      </c>
      <c r="J41" s="36">
        <v>36.299999999999997</v>
      </c>
      <c r="K41" s="36">
        <v>37.9</v>
      </c>
      <c r="L41" s="36">
        <v>38.799999999999997</v>
      </c>
      <c r="M41" s="36">
        <v>40.299999999999997</v>
      </c>
      <c r="N41" s="36">
        <v>41.9</v>
      </c>
      <c r="O41" s="36">
        <v>43.8</v>
      </c>
      <c r="P41" s="36">
        <v>43.8</v>
      </c>
      <c r="Q41" s="36">
        <v>44.8</v>
      </c>
    </row>
    <row r="42" spans="1:21" ht="23.25" customHeight="1" x14ac:dyDescent="0.15">
      <c r="A42" s="37" t="s">
        <v>34</v>
      </c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5"/>
      <c r="P42" s="5"/>
      <c r="Q42" s="5"/>
      <c r="R42" s="5"/>
      <c r="S42" s="5"/>
      <c r="T42" s="5"/>
    </row>
    <row r="43" spans="1:21" ht="23.25" customHeight="1" x14ac:dyDescent="0.15">
      <c r="A43" s="38"/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</row>
    <row r="44" spans="1:21" ht="23.25" customHeight="1" x14ac:dyDescent="0.15">
      <c r="A44" s="38"/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</row>
    <row r="45" spans="1:21" ht="23.25" customHeight="1" x14ac:dyDescent="0.15">
      <c r="A45" s="38"/>
      <c r="B45" s="5"/>
      <c r="C45" s="5"/>
      <c r="D45" s="5"/>
      <c r="E45" s="5"/>
      <c r="F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</row>
    <row r="46" spans="1:21" ht="23.25" customHeight="1" x14ac:dyDescent="0.15">
      <c r="A46" s="38"/>
      <c r="B46" s="5"/>
      <c r="C46" s="5"/>
      <c r="D46" s="5"/>
      <c r="E46" s="5"/>
      <c r="F46" s="5"/>
      <c r="L46" s="5"/>
      <c r="M46" s="5"/>
      <c r="N46" s="5"/>
      <c r="O46" s="5"/>
      <c r="P46" s="5"/>
      <c r="Q46" s="5"/>
      <c r="R46" s="5"/>
      <c r="S46" s="5"/>
      <c r="T46" s="5"/>
    </row>
    <row r="47" spans="1:21" ht="23.25" customHeight="1" thickBot="1" x14ac:dyDescent="0.2">
      <c r="A47" s="5"/>
      <c r="B47" s="5"/>
      <c r="C47" s="5"/>
      <c r="D47" s="5"/>
      <c r="E47" s="5"/>
      <c r="F47" s="5"/>
      <c r="G47" s="5"/>
      <c r="L47" s="5"/>
      <c r="M47" s="5"/>
      <c r="N47" s="5"/>
      <c r="O47" s="5"/>
      <c r="P47" s="5"/>
      <c r="Q47" s="5"/>
      <c r="R47" s="5"/>
      <c r="S47" s="5"/>
      <c r="T47" s="5"/>
    </row>
    <row r="48" spans="1:21" ht="23.25" customHeight="1" thickTop="1" x14ac:dyDescent="0.15">
      <c r="A48" s="5"/>
      <c r="B48" s="5"/>
      <c r="C48" s="47" t="s">
        <v>35</v>
      </c>
      <c r="D48" s="48"/>
      <c r="E48" s="48"/>
      <c r="F48" s="49"/>
      <c r="J48" s="47" t="s">
        <v>36</v>
      </c>
      <c r="K48" s="48"/>
      <c r="L48" s="48"/>
      <c r="M48" s="48"/>
      <c r="N48" s="48"/>
      <c r="O48" s="49"/>
      <c r="P48" s="5"/>
      <c r="Q48" s="5"/>
      <c r="R48" s="5"/>
      <c r="S48" s="5"/>
      <c r="T48" s="5"/>
      <c r="U48" s="5"/>
    </row>
    <row r="49" spans="1:21" ht="23.25" customHeight="1" thickBot="1" x14ac:dyDescent="0.2">
      <c r="A49" s="5"/>
      <c r="B49" s="5"/>
      <c r="C49" s="50"/>
      <c r="D49" s="51"/>
      <c r="E49" s="51"/>
      <c r="F49" s="52"/>
      <c r="J49" s="50"/>
      <c r="K49" s="51"/>
      <c r="L49" s="51"/>
      <c r="M49" s="51"/>
      <c r="N49" s="51"/>
      <c r="O49" s="52"/>
      <c r="P49" s="5"/>
      <c r="Q49" s="5"/>
      <c r="R49" s="5"/>
      <c r="S49" s="5"/>
      <c r="T49" s="5"/>
      <c r="U49" s="5"/>
    </row>
    <row r="50" spans="1:21" ht="23.25" customHeight="1" thickTop="1" x14ac:dyDescent="0.2">
      <c r="A50" s="5"/>
      <c r="B50" s="5"/>
      <c r="C50" s="39"/>
      <c r="D50" s="39"/>
      <c r="E50" s="39"/>
      <c r="F50" s="5"/>
      <c r="L50" s="40"/>
      <c r="M50" s="40"/>
      <c r="N50" s="40"/>
      <c r="O50" s="5"/>
      <c r="P50" s="5"/>
      <c r="Q50" s="5"/>
      <c r="R50" s="5"/>
      <c r="S50" s="41"/>
      <c r="T50" s="5"/>
    </row>
    <row r="51" spans="1:21" ht="23.25" customHeight="1" x14ac:dyDescent="0.2">
      <c r="A51" s="5"/>
      <c r="B51" s="41"/>
      <c r="C51" s="41"/>
      <c r="D51" s="41"/>
      <c r="E51" s="41"/>
      <c r="F51" s="40"/>
      <c r="G51" s="40"/>
      <c r="H51" s="40"/>
      <c r="I51" s="40"/>
      <c r="J51" s="40"/>
      <c r="K51" s="40"/>
      <c r="L51" s="40"/>
      <c r="M51" s="40"/>
      <c r="N51" s="40"/>
      <c r="O51" s="5"/>
      <c r="P51" s="5"/>
      <c r="Q51" s="5"/>
      <c r="R51" s="5"/>
      <c r="S51" s="41"/>
      <c r="T51" s="5"/>
    </row>
    <row r="52" spans="1:21" ht="23.25" customHeight="1" x14ac:dyDescent="0.15">
      <c r="A52" s="5"/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</row>
    <row r="53" spans="1:21" ht="23.25" customHeight="1" x14ac:dyDescent="0.15">
      <c r="A53" s="5"/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</row>
    <row r="54" spans="1:21" ht="23.25" customHeight="1" x14ac:dyDescent="0.15">
      <c r="A54" s="5"/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  <c r="T54" s="5"/>
    </row>
    <row r="55" spans="1:21" ht="23.25" customHeight="1" x14ac:dyDescent="0.15">
      <c r="A55" s="5"/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  <c r="T55" s="5"/>
    </row>
    <row r="56" spans="1:21" ht="23.25" customHeight="1" x14ac:dyDescent="0.15">
      <c r="A56" s="5"/>
      <c r="B56" s="5"/>
      <c r="C56" s="5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  <c r="S56" s="5"/>
      <c r="T56" s="5"/>
    </row>
    <row r="57" spans="1:21" ht="23.25" customHeight="1" x14ac:dyDescent="0.15">
      <c r="A57" s="5"/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</row>
    <row r="58" spans="1:21" ht="23.25" customHeight="1" x14ac:dyDescent="0.15">
      <c r="A58" s="5"/>
      <c r="B58" s="5"/>
      <c r="C58" s="5"/>
      <c r="D58" s="5"/>
      <c r="E58" s="5"/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  <c r="R58" s="5"/>
      <c r="S58" s="5"/>
      <c r="T58" s="5"/>
    </row>
    <row r="59" spans="1:21" ht="23.25" customHeight="1" x14ac:dyDescent="0.15">
      <c r="A59" s="5"/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  <c r="S59" s="5"/>
      <c r="T59" s="5"/>
    </row>
    <row r="60" spans="1:21" ht="23.25" customHeight="1" x14ac:dyDescent="0.15">
      <c r="A60" s="5"/>
      <c r="B60" s="5"/>
      <c r="C60" s="5"/>
      <c r="D60" s="5"/>
      <c r="E60" s="5"/>
      <c r="F60" s="5"/>
      <c r="G60" s="5"/>
      <c r="H60" s="5"/>
      <c r="I60" s="5"/>
      <c r="J60" s="5"/>
      <c r="K60" s="5"/>
      <c r="L60" s="5"/>
      <c r="M60" s="5"/>
      <c r="N60" s="5"/>
      <c r="O60" s="5"/>
      <c r="P60" s="5"/>
      <c r="Q60" s="5"/>
      <c r="R60" s="5"/>
      <c r="S60" s="5"/>
      <c r="T60" s="5"/>
    </row>
    <row r="61" spans="1:21" ht="23.25" customHeight="1" x14ac:dyDescent="0.15">
      <c r="A61" s="5"/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</row>
    <row r="62" spans="1:21" ht="23.25" customHeight="1" x14ac:dyDescent="0.15">
      <c r="A62" s="5"/>
      <c r="B62" s="5"/>
      <c r="C62" s="5"/>
      <c r="D62" s="5"/>
      <c r="E62" s="5"/>
      <c r="F62" s="5"/>
      <c r="G62" s="5"/>
      <c r="H62" s="5"/>
      <c r="I62" s="5"/>
      <c r="J62" s="5"/>
      <c r="K62" s="5"/>
      <c r="L62" s="5"/>
      <c r="M62" s="5"/>
      <c r="N62" s="5"/>
      <c r="O62" s="5"/>
      <c r="P62" s="5"/>
      <c r="Q62" s="5"/>
      <c r="R62" s="5"/>
      <c r="S62" s="5"/>
      <c r="T62" s="5"/>
    </row>
    <row r="63" spans="1:21" ht="23.25" customHeight="1" x14ac:dyDescent="0.15">
      <c r="A63" s="5"/>
      <c r="B63" s="5"/>
      <c r="C63" s="5"/>
      <c r="D63" s="5"/>
      <c r="E63" s="5"/>
      <c r="F63" s="5"/>
      <c r="G63" s="5"/>
      <c r="H63" s="5"/>
      <c r="I63" s="5"/>
      <c r="J63" s="5"/>
      <c r="K63" s="5"/>
      <c r="L63" s="5"/>
      <c r="M63" s="5"/>
      <c r="N63" s="5"/>
      <c r="O63" s="5"/>
      <c r="P63" s="5"/>
      <c r="Q63" s="5"/>
      <c r="R63" s="5"/>
      <c r="S63" s="5"/>
      <c r="T63" s="5"/>
    </row>
    <row r="64" spans="1:21" ht="23.25" customHeight="1" x14ac:dyDescent="0.15">
      <c r="A64" s="5"/>
      <c r="B64" s="5"/>
      <c r="C64" s="5"/>
      <c r="D64" s="5"/>
      <c r="E64" s="5"/>
      <c r="F64" s="5"/>
      <c r="G64" s="5"/>
      <c r="H64" s="5"/>
      <c r="I64" s="5"/>
      <c r="J64" s="5"/>
      <c r="K64" s="5"/>
      <c r="L64" s="5"/>
      <c r="M64" s="5"/>
      <c r="N64" s="5"/>
      <c r="O64" s="5"/>
      <c r="P64" s="5"/>
      <c r="Q64" s="5"/>
      <c r="R64" s="5"/>
      <c r="S64" s="5"/>
      <c r="T64" s="5"/>
    </row>
    <row r="65" spans="1:20" ht="23.25" customHeight="1" x14ac:dyDescent="0.15">
      <c r="A65" s="5"/>
      <c r="B65" s="5"/>
      <c r="C65" s="5"/>
      <c r="D65" s="5"/>
      <c r="E65" s="5"/>
      <c r="F65" s="5"/>
      <c r="G65" s="5"/>
      <c r="H65" s="5"/>
      <c r="I65" s="5"/>
      <c r="J65" s="5"/>
      <c r="K65" s="5"/>
      <c r="L65" s="5"/>
      <c r="M65" s="5"/>
      <c r="N65" s="5"/>
      <c r="O65" s="5"/>
      <c r="P65" s="5"/>
      <c r="Q65" s="5"/>
      <c r="R65" s="5"/>
      <c r="S65" s="5"/>
      <c r="T65" s="5"/>
    </row>
    <row r="66" spans="1:20" ht="23.25" customHeight="1" x14ac:dyDescent="0.15">
      <c r="A66" s="5"/>
      <c r="B66" s="5"/>
      <c r="C66" s="5"/>
      <c r="D66" s="5"/>
      <c r="E66" s="5"/>
      <c r="F66" s="5"/>
      <c r="G66" s="5"/>
      <c r="H66" s="5"/>
      <c r="I66" s="5"/>
      <c r="J66" s="5"/>
      <c r="K66" s="5"/>
      <c r="L66" s="5"/>
      <c r="M66" s="5"/>
      <c r="N66" s="5"/>
      <c r="O66" s="5"/>
      <c r="P66" s="5"/>
      <c r="Q66" s="5"/>
      <c r="R66" s="5"/>
      <c r="S66" s="5"/>
      <c r="T66" s="5"/>
    </row>
    <row r="67" spans="1:20" ht="23.25" customHeight="1" x14ac:dyDescent="0.15">
      <c r="A67" s="5"/>
      <c r="B67" s="5"/>
      <c r="C67" s="5"/>
      <c r="D67" s="5"/>
      <c r="E67" s="5"/>
      <c r="F67" s="5"/>
      <c r="G67" s="5"/>
      <c r="H67" s="5"/>
      <c r="I67" s="5"/>
      <c r="J67" s="5"/>
      <c r="K67" s="5"/>
      <c r="L67" s="5"/>
      <c r="M67" s="5"/>
      <c r="N67" s="5"/>
      <c r="O67" s="5"/>
      <c r="P67" s="5"/>
      <c r="Q67" s="5"/>
      <c r="R67" s="5"/>
      <c r="S67" s="5"/>
      <c r="T67" s="5"/>
    </row>
    <row r="68" spans="1:20" ht="23.25" customHeight="1" x14ac:dyDescent="0.15">
      <c r="A68" s="5"/>
      <c r="B68" s="5"/>
      <c r="C68" s="5"/>
      <c r="D68" s="5"/>
      <c r="E68" s="5"/>
      <c r="F68" s="5"/>
      <c r="G68" s="5"/>
      <c r="H68" s="5"/>
      <c r="I68" s="5"/>
      <c r="J68" s="5"/>
      <c r="K68" s="5"/>
      <c r="L68" s="5"/>
      <c r="M68" s="5"/>
      <c r="N68" s="5"/>
      <c r="O68" s="5"/>
      <c r="P68" s="5"/>
      <c r="Q68" s="5"/>
      <c r="R68" s="5"/>
      <c r="S68" s="5"/>
      <c r="T68" s="5"/>
    </row>
    <row r="69" spans="1:20" ht="23.25" customHeight="1" x14ac:dyDescent="0.15">
      <c r="A69" s="5"/>
      <c r="B69" s="5"/>
      <c r="C69" s="5"/>
      <c r="D69" s="5"/>
      <c r="E69" s="5"/>
      <c r="F69" s="5"/>
      <c r="G69" s="5"/>
      <c r="H69" s="5"/>
      <c r="I69" s="5"/>
      <c r="J69" s="5"/>
      <c r="K69" s="5"/>
      <c r="L69" s="5"/>
      <c r="M69" s="5"/>
      <c r="N69" s="5"/>
      <c r="O69" s="5"/>
      <c r="P69" s="5"/>
      <c r="Q69" s="5"/>
      <c r="R69" s="5"/>
      <c r="S69" s="5"/>
      <c r="T69" s="5"/>
    </row>
    <row r="70" spans="1:20" ht="23.25" customHeight="1" x14ac:dyDescent="0.15">
      <c r="A70" s="5"/>
      <c r="B70" s="5"/>
      <c r="C70" s="5"/>
      <c r="D70" s="5"/>
      <c r="E70" s="5"/>
      <c r="F70" s="5"/>
      <c r="G70" s="5"/>
      <c r="H70" s="5"/>
      <c r="I70" s="5"/>
      <c r="J70" s="5"/>
      <c r="K70" s="5"/>
      <c r="L70" s="5"/>
      <c r="M70" s="5"/>
      <c r="N70" s="5"/>
      <c r="O70" s="5"/>
      <c r="P70" s="5"/>
      <c r="Q70" s="5"/>
      <c r="R70" s="5"/>
      <c r="S70" s="5"/>
      <c r="T70" s="5"/>
    </row>
    <row r="71" spans="1:20" ht="23.25" customHeight="1" x14ac:dyDescent="0.15">
      <c r="A71" s="5"/>
      <c r="B71" s="5"/>
      <c r="C71" s="5"/>
      <c r="D71" s="5"/>
      <c r="E71" s="5"/>
      <c r="F71" s="5"/>
      <c r="G71" s="5"/>
      <c r="H71" s="5"/>
      <c r="I71" s="5"/>
      <c r="J71" s="5"/>
      <c r="K71" s="5"/>
      <c r="L71" s="5"/>
      <c r="M71" s="5"/>
      <c r="N71" s="5"/>
      <c r="O71" s="5"/>
      <c r="P71" s="5"/>
      <c r="Q71" s="5"/>
      <c r="R71" s="5"/>
      <c r="S71" s="5"/>
      <c r="T71" s="5"/>
    </row>
    <row r="72" spans="1:20" ht="23.25" customHeight="1" x14ac:dyDescent="0.15">
      <c r="A72" s="5"/>
      <c r="B72" s="5"/>
      <c r="C72" s="5"/>
      <c r="D72" s="5"/>
      <c r="E72" s="5"/>
      <c r="F72" s="5"/>
      <c r="G72" s="5"/>
      <c r="H72" s="5"/>
      <c r="I72" s="5"/>
      <c r="J72" s="5"/>
      <c r="K72" s="5"/>
      <c r="L72" s="5"/>
      <c r="M72" s="5"/>
      <c r="N72" s="5"/>
      <c r="O72" s="5"/>
      <c r="P72" s="5"/>
      <c r="Q72" s="5"/>
      <c r="R72" s="5"/>
      <c r="S72" s="5"/>
      <c r="T72" s="5"/>
    </row>
    <row r="73" spans="1:20" ht="23.25" customHeight="1" x14ac:dyDescent="0.15">
      <c r="A73" s="5"/>
      <c r="B73" s="5"/>
      <c r="C73" s="5"/>
      <c r="D73" s="5"/>
      <c r="E73" s="5"/>
      <c r="F73" s="5"/>
      <c r="G73" s="5"/>
      <c r="H73" s="5"/>
      <c r="I73" s="5"/>
      <c r="J73" s="5"/>
      <c r="K73" s="5"/>
      <c r="L73" s="5"/>
      <c r="M73" s="5"/>
      <c r="N73" s="5"/>
      <c r="O73" s="5"/>
      <c r="P73" s="5"/>
      <c r="Q73" s="5"/>
      <c r="R73" s="5"/>
      <c r="S73" s="5"/>
      <c r="T73" s="5"/>
    </row>
    <row r="74" spans="1:20" ht="23.25" customHeight="1" x14ac:dyDescent="0.15">
      <c r="A74" s="5"/>
      <c r="B74" s="5"/>
      <c r="C74" s="5"/>
      <c r="D74" s="5"/>
      <c r="E74" s="5"/>
      <c r="F74" s="5"/>
      <c r="G74" s="5"/>
      <c r="H74" s="5"/>
      <c r="I74" s="5"/>
      <c r="J74" s="5"/>
      <c r="K74" s="5"/>
      <c r="L74" s="5"/>
      <c r="M74" s="5"/>
      <c r="N74" s="5"/>
      <c r="O74" s="5"/>
      <c r="P74" s="5"/>
      <c r="Q74" s="5"/>
      <c r="R74" s="5"/>
      <c r="S74" s="5"/>
      <c r="T74" s="5"/>
    </row>
    <row r="75" spans="1:20" ht="23.25" customHeight="1" x14ac:dyDescent="0.15">
      <c r="A75" s="5"/>
      <c r="B75" s="5"/>
      <c r="C75" s="5"/>
      <c r="D75" s="5"/>
      <c r="E75" s="5"/>
      <c r="F75" s="5"/>
      <c r="G75" s="5"/>
      <c r="H75" s="5"/>
      <c r="I75" s="5"/>
      <c r="J75" s="5"/>
      <c r="K75" s="5"/>
      <c r="L75" s="5"/>
      <c r="M75" s="5"/>
      <c r="N75" s="5"/>
      <c r="O75" s="5"/>
      <c r="P75" s="5"/>
      <c r="Q75" s="5"/>
      <c r="R75" s="5"/>
      <c r="S75" s="5"/>
      <c r="T75" s="5"/>
    </row>
    <row r="76" spans="1:20" ht="23.25" customHeight="1" x14ac:dyDescent="0.15">
      <c r="A76" s="5"/>
      <c r="B76" s="5"/>
      <c r="C76" s="5"/>
      <c r="D76" s="5"/>
      <c r="E76" s="5"/>
      <c r="F76" s="5"/>
      <c r="G76" s="5"/>
      <c r="H76" s="5"/>
      <c r="I76" s="5"/>
      <c r="J76" s="5"/>
      <c r="K76" s="5"/>
      <c r="L76" s="5"/>
      <c r="M76" s="5"/>
      <c r="N76" s="5"/>
      <c r="O76" s="5"/>
      <c r="P76" s="5"/>
      <c r="Q76" s="5"/>
      <c r="R76" s="5"/>
      <c r="S76" s="5"/>
      <c r="T76" s="5"/>
    </row>
    <row r="77" spans="1:20" ht="23.25" customHeight="1" x14ac:dyDescent="0.15">
      <c r="A77" s="5"/>
      <c r="B77" s="5"/>
      <c r="C77" s="5"/>
      <c r="D77" s="5"/>
      <c r="E77" s="5"/>
      <c r="F77" s="5"/>
      <c r="G77" s="5"/>
      <c r="H77" s="5"/>
      <c r="I77" s="5"/>
      <c r="J77" s="5"/>
      <c r="K77" s="5"/>
      <c r="L77" s="5"/>
      <c r="M77" s="5"/>
      <c r="N77" s="5"/>
      <c r="O77" s="5"/>
      <c r="P77" s="5"/>
      <c r="Q77" s="5"/>
      <c r="R77" s="5"/>
      <c r="S77" s="5"/>
      <c r="T77" s="5"/>
    </row>
    <row r="78" spans="1:20" ht="23.25" customHeight="1" x14ac:dyDescent="0.15">
      <c r="A78" s="5"/>
      <c r="B78" s="5"/>
      <c r="C78" s="5"/>
      <c r="D78" s="5"/>
      <c r="E78" s="5"/>
      <c r="F78" s="5"/>
      <c r="G78" s="5"/>
      <c r="H78" s="5"/>
      <c r="I78" s="5"/>
      <c r="J78" s="5"/>
      <c r="K78" s="5"/>
      <c r="L78" s="5"/>
      <c r="M78" s="5"/>
      <c r="N78" s="5"/>
      <c r="O78" s="5"/>
      <c r="P78" s="5"/>
      <c r="Q78" s="5"/>
      <c r="R78" s="5"/>
      <c r="S78" s="5"/>
      <c r="T78" s="5"/>
    </row>
    <row r="79" spans="1:20" ht="23.25" customHeight="1" x14ac:dyDescent="0.15">
      <c r="A79" s="5"/>
      <c r="B79" s="5"/>
      <c r="C79" s="5"/>
      <c r="D79" s="5"/>
      <c r="E79" s="5"/>
      <c r="F79" s="5"/>
      <c r="G79" s="5"/>
      <c r="H79" s="5"/>
      <c r="I79" s="5"/>
      <c r="J79" s="5"/>
      <c r="K79" s="5"/>
      <c r="L79" s="5"/>
      <c r="M79" s="5"/>
      <c r="N79" s="5"/>
      <c r="O79" s="5"/>
      <c r="P79" s="5"/>
      <c r="Q79" s="5"/>
      <c r="R79" s="5"/>
      <c r="S79" s="5"/>
      <c r="T79" s="5"/>
    </row>
    <row r="80" spans="1:20" ht="23.25" customHeight="1" x14ac:dyDescent="0.15">
      <c r="A80" s="5"/>
      <c r="B80" s="5"/>
      <c r="C80" s="5"/>
      <c r="D80" s="5"/>
      <c r="E80" s="5"/>
      <c r="F80" s="5"/>
      <c r="G80" s="5"/>
      <c r="H80" s="5"/>
      <c r="I80" s="5"/>
      <c r="J80" s="5"/>
      <c r="K80" s="5"/>
      <c r="L80" s="5"/>
      <c r="M80" s="5"/>
      <c r="N80" s="5"/>
      <c r="O80" s="5"/>
      <c r="P80" s="5"/>
      <c r="Q80" s="5"/>
      <c r="R80" s="5"/>
      <c r="S80" s="5"/>
      <c r="T80" s="5"/>
    </row>
    <row r="81" spans="1:20" ht="21.75" customHeight="1" x14ac:dyDescent="0.15">
      <c r="A81" s="5"/>
      <c r="B81" s="5"/>
      <c r="C81" s="5"/>
      <c r="D81" s="5"/>
      <c r="E81" s="5"/>
      <c r="F81" s="5"/>
      <c r="G81" s="5"/>
      <c r="H81" s="5"/>
      <c r="I81" s="5"/>
      <c r="J81" s="5"/>
      <c r="K81" s="5"/>
      <c r="L81" s="5"/>
      <c r="M81" s="5"/>
      <c r="N81" s="5"/>
      <c r="O81" s="5"/>
      <c r="P81" s="5"/>
      <c r="Q81" s="5"/>
      <c r="R81" s="5"/>
      <c r="S81" s="5"/>
      <c r="T81" s="5"/>
    </row>
    <row r="82" spans="1:20" ht="21.75" customHeight="1" x14ac:dyDescent="0.15">
      <c r="A82" s="3" t="s">
        <v>42</v>
      </c>
      <c r="B82" s="4"/>
      <c r="C82" s="4"/>
      <c r="D82" s="4"/>
      <c r="E82" s="4"/>
      <c r="F82" s="4"/>
      <c r="G82" s="4"/>
      <c r="H82" s="4"/>
      <c r="I82" s="4"/>
      <c r="J82" s="4"/>
      <c r="K82" s="4"/>
      <c r="L82" s="4"/>
      <c r="M82" s="4"/>
      <c r="N82" s="4"/>
      <c r="O82" s="5"/>
      <c r="P82" s="5"/>
      <c r="Q82" s="5"/>
      <c r="R82" s="5"/>
      <c r="S82" s="5"/>
      <c r="T82" s="5"/>
    </row>
    <row r="83" spans="1:20" ht="21.75" customHeight="1" x14ac:dyDescent="0.15">
      <c r="A83" s="6" t="s">
        <v>1</v>
      </c>
      <c r="B83" s="6" t="s">
        <v>2</v>
      </c>
      <c r="C83" s="6">
        <v>60</v>
      </c>
      <c r="D83" s="6" t="s">
        <v>3</v>
      </c>
      <c r="E83" s="6">
        <v>7</v>
      </c>
      <c r="F83" s="6">
        <v>12</v>
      </c>
      <c r="G83" s="6">
        <v>17</v>
      </c>
      <c r="H83" s="6">
        <v>22</v>
      </c>
      <c r="I83" s="6">
        <v>27</v>
      </c>
      <c r="J83" s="6">
        <v>30</v>
      </c>
      <c r="K83" s="6" t="s">
        <v>4</v>
      </c>
      <c r="L83" s="6">
        <v>2</v>
      </c>
      <c r="M83" s="6">
        <v>3</v>
      </c>
      <c r="N83" s="6">
        <v>4</v>
      </c>
      <c r="O83" s="6">
        <v>5</v>
      </c>
      <c r="P83" s="6">
        <v>6</v>
      </c>
      <c r="Q83" s="6">
        <v>7</v>
      </c>
    </row>
    <row r="84" spans="1:20" ht="21.75" customHeight="1" x14ac:dyDescent="0.15">
      <c r="A84" s="7" t="s">
        <v>5</v>
      </c>
      <c r="B84" s="8" t="s">
        <v>6</v>
      </c>
      <c r="C84" s="8" t="s">
        <v>6</v>
      </c>
      <c r="D84" s="8" t="s">
        <v>6</v>
      </c>
      <c r="E84" s="8" t="s">
        <v>6</v>
      </c>
      <c r="F84" s="8" t="s">
        <v>6</v>
      </c>
      <c r="G84" s="9">
        <v>30</v>
      </c>
      <c r="H84" s="9">
        <v>30</v>
      </c>
      <c r="I84" s="9">
        <v>19</v>
      </c>
      <c r="J84" s="9">
        <v>19</v>
      </c>
      <c r="K84" s="9">
        <v>13</v>
      </c>
      <c r="L84" s="20">
        <v>13</v>
      </c>
      <c r="M84" s="20">
        <v>13</v>
      </c>
      <c r="N84" s="20">
        <v>9</v>
      </c>
      <c r="O84" s="20">
        <v>7</v>
      </c>
      <c r="P84" s="20">
        <v>5</v>
      </c>
      <c r="Q84" s="20">
        <v>3</v>
      </c>
    </row>
    <row r="85" spans="1:20" ht="21.75" customHeight="1" x14ac:dyDescent="0.15">
      <c r="A85" s="7" t="s">
        <v>7</v>
      </c>
      <c r="B85" s="8" t="s">
        <v>6</v>
      </c>
      <c r="C85" s="8" t="s">
        <v>6</v>
      </c>
      <c r="D85" s="8" t="s">
        <v>6</v>
      </c>
      <c r="E85" s="8" t="s">
        <v>6</v>
      </c>
      <c r="F85" s="8" t="s">
        <v>6</v>
      </c>
      <c r="G85" s="9">
        <v>30</v>
      </c>
      <c r="H85" s="9">
        <v>28</v>
      </c>
      <c r="I85" s="9">
        <v>30</v>
      </c>
      <c r="J85" s="9">
        <v>19</v>
      </c>
      <c r="K85" s="9">
        <v>19</v>
      </c>
      <c r="L85" s="20">
        <v>17</v>
      </c>
      <c r="M85" s="20">
        <v>17</v>
      </c>
      <c r="N85" s="20">
        <v>16</v>
      </c>
      <c r="O85" s="20">
        <v>17</v>
      </c>
      <c r="P85" s="20">
        <v>13</v>
      </c>
      <c r="Q85" s="20">
        <v>12</v>
      </c>
    </row>
    <row r="86" spans="1:20" ht="21.75" customHeight="1" x14ac:dyDescent="0.15">
      <c r="A86" s="7" t="s">
        <v>8</v>
      </c>
      <c r="B86" s="8" t="s">
        <v>6</v>
      </c>
      <c r="C86" s="8" t="s">
        <v>6</v>
      </c>
      <c r="D86" s="8" t="s">
        <v>6</v>
      </c>
      <c r="E86" s="8" t="s">
        <v>6</v>
      </c>
      <c r="F86" s="8" t="s">
        <v>6</v>
      </c>
      <c r="G86" s="9">
        <v>24</v>
      </c>
      <c r="H86" s="9">
        <v>28</v>
      </c>
      <c r="I86" s="9">
        <v>31</v>
      </c>
      <c r="J86" s="9">
        <v>25</v>
      </c>
      <c r="K86" s="9">
        <v>22</v>
      </c>
      <c r="L86" s="20">
        <v>23</v>
      </c>
      <c r="M86" s="20">
        <v>20</v>
      </c>
      <c r="N86" s="20">
        <v>22</v>
      </c>
      <c r="O86" s="20">
        <v>20</v>
      </c>
      <c r="P86" s="20">
        <v>20</v>
      </c>
      <c r="Q86" s="20">
        <v>18</v>
      </c>
    </row>
    <row r="87" spans="1:20" ht="21.75" customHeight="1" x14ac:dyDescent="0.15">
      <c r="A87" s="10" t="s">
        <v>9</v>
      </c>
      <c r="B87" s="11" t="s">
        <v>6</v>
      </c>
      <c r="C87" s="11" t="s">
        <v>6</v>
      </c>
      <c r="D87" s="11" t="s">
        <v>6</v>
      </c>
      <c r="E87" s="11" t="s">
        <v>6</v>
      </c>
      <c r="F87" s="11" t="s">
        <v>6</v>
      </c>
      <c r="G87" s="12">
        <v>29</v>
      </c>
      <c r="H87" s="12">
        <v>19</v>
      </c>
      <c r="I87" s="12">
        <v>20</v>
      </c>
      <c r="J87" s="12">
        <v>17</v>
      </c>
      <c r="K87" s="12">
        <v>20</v>
      </c>
      <c r="L87" s="21">
        <v>20</v>
      </c>
      <c r="M87" s="21">
        <v>24</v>
      </c>
      <c r="N87" s="21">
        <v>24</v>
      </c>
      <c r="O87" s="21">
        <v>21</v>
      </c>
      <c r="P87" s="21">
        <v>21</v>
      </c>
      <c r="Q87" s="21">
        <v>22</v>
      </c>
    </row>
    <row r="88" spans="1:20" ht="21.75" customHeight="1" x14ac:dyDescent="0.15">
      <c r="A88" s="10" t="s">
        <v>10</v>
      </c>
      <c r="B88" s="11" t="s">
        <v>6</v>
      </c>
      <c r="C88" s="11" t="s">
        <v>6</v>
      </c>
      <c r="D88" s="11" t="s">
        <v>6</v>
      </c>
      <c r="E88" s="11" t="s">
        <v>6</v>
      </c>
      <c r="F88" s="11" t="s">
        <v>6</v>
      </c>
      <c r="G88" s="12">
        <v>39</v>
      </c>
      <c r="H88" s="12">
        <v>27</v>
      </c>
      <c r="I88" s="12">
        <v>18</v>
      </c>
      <c r="J88" s="12">
        <v>25</v>
      </c>
      <c r="K88" s="12">
        <v>22</v>
      </c>
      <c r="L88" s="21">
        <v>18</v>
      </c>
      <c r="M88" s="21">
        <v>15</v>
      </c>
      <c r="N88" s="21">
        <v>14</v>
      </c>
      <c r="O88" s="21">
        <v>15</v>
      </c>
      <c r="P88" s="21">
        <v>18</v>
      </c>
      <c r="Q88" s="21">
        <v>20</v>
      </c>
    </row>
    <row r="89" spans="1:20" ht="21.75" customHeight="1" x14ac:dyDescent="0.15">
      <c r="A89" s="10" t="s">
        <v>11</v>
      </c>
      <c r="B89" s="11" t="s">
        <v>6</v>
      </c>
      <c r="C89" s="11" t="s">
        <v>6</v>
      </c>
      <c r="D89" s="11" t="s">
        <v>6</v>
      </c>
      <c r="E89" s="11" t="s">
        <v>6</v>
      </c>
      <c r="F89" s="11" t="s">
        <v>6</v>
      </c>
      <c r="G89" s="12">
        <v>39</v>
      </c>
      <c r="H89" s="12">
        <v>26</v>
      </c>
      <c r="I89" s="12">
        <v>25</v>
      </c>
      <c r="J89" s="12">
        <v>23</v>
      </c>
      <c r="K89" s="12">
        <v>20</v>
      </c>
      <c r="L89" s="21">
        <v>15</v>
      </c>
      <c r="M89" s="21">
        <v>20</v>
      </c>
      <c r="N89" s="21">
        <v>16</v>
      </c>
      <c r="O89" s="21">
        <v>15</v>
      </c>
      <c r="P89" s="21">
        <v>15</v>
      </c>
      <c r="Q89" s="21">
        <v>15</v>
      </c>
    </row>
    <row r="90" spans="1:20" ht="21.75" customHeight="1" x14ac:dyDescent="0.15">
      <c r="A90" s="10" t="s">
        <v>12</v>
      </c>
      <c r="B90" s="11" t="s">
        <v>6</v>
      </c>
      <c r="C90" s="11" t="s">
        <v>6</v>
      </c>
      <c r="D90" s="11" t="s">
        <v>6</v>
      </c>
      <c r="E90" s="11" t="s">
        <v>6</v>
      </c>
      <c r="F90" s="11" t="s">
        <v>6</v>
      </c>
      <c r="G90" s="12">
        <v>47</v>
      </c>
      <c r="H90" s="12">
        <v>32</v>
      </c>
      <c r="I90" s="12">
        <v>28</v>
      </c>
      <c r="J90" s="12">
        <v>22</v>
      </c>
      <c r="K90" s="12">
        <v>23</v>
      </c>
      <c r="L90" s="21">
        <v>23</v>
      </c>
      <c r="M90" s="21">
        <v>19</v>
      </c>
      <c r="N90" s="21">
        <v>17</v>
      </c>
      <c r="O90" s="21">
        <v>14</v>
      </c>
      <c r="P90" s="21">
        <v>11</v>
      </c>
      <c r="Q90" s="21">
        <v>7</v>
      </c>
    </row>
    <row r="91" spans="1:20" ht="21.75" customHeight="1" x14ac:dyDescent="0.15">
      <c r="A91" s="10" t="s">
        <v>13</v>
      </c>
      <c r="B91" s="11" t="s">
        <v>6</v>
      </c>
      <c r="C91" s="11" t="s">
        <v>6</v>
      </c>
      <c r="D91" s="11" t="s">
        <v>6</v>
      </c>
      <c r="E91" s="11" t="s">
        <v>6</v>
      </c>
      <c r="F91" s="11" t="s">
        <v>6</v>
      </c>
      <c r="G91" s="12">
        <v>20</v>
      </c>
      <c r="H91" s="12">
        <v>36</v>
      </c>
      <c r="I91" s="12">
        <v>21</v>
      </c>
      <c r="J91" s="12">
        <v>23</v>
      </c>
      <c r="K91" s="12">
        <v>23</v>
      </c>
      <c r="L91" s="21">
        <v>23</v>
      </c>
      <c r="M91" s="21">
        <v>22</v>
      </c>
      <c r="N91" s="21">
        <v>18</v>
      </c>
      <c r="O91" s="21">
        <v>19</v>
      </c>
      <c r="P91" s="21">
        <v>18</v>
      </c>
      <c r="Q91" s="21">
        <v>17</v>
      </c>
    </row>
    <row r="92" spans="1:20" ht="21.75" customHeight="1" x14ac:dyDescent="0.15">
      <c r="A92" s="10" t="s">
        <v>14</v>
      </c>
      <c r="B92" s="11" t="s">
        <v>6</v>
      </c>
      <c r="C92" s="11" t="s">
        <v>6</v>
      </c>
      <c r="D92" s="11" t="s">
        <v>6</v>
      </c>
      <c r="E92" s="11" t="s">
        <v>6</v>
      </c>
      <c r="F92" s="11" t="s">
        <v>6</v>
      </c>
      <c r="G92" s="12">
        <v>27</v>
      </c>
      <c r="H92" s="12">
        <v>22</v>
      </c>
      <c r="I92" s="12">
        <v>28</v>
      </c>
      <c r="J92" s="12">
        <v>26</v>
      </c>
      <c r="K92" s="12">
        <v>18</v>
      </c>
      <c r="L92" s="21">
        <v>19</v>
      </c>
      <c r="M92" s="21">
        <v>20</v>
      </c>
      <c r="N92" s="21">
        <v>24</v>
      </c>
      <c r="O92" s="21">
        <v>21</v>
      </c>
      <c r="P92" s="21">
        <v>23</v>
      </c>
      <c r="Q92" s="21">
        <v>22</v>
      </c>
    </row>
    <row r="93" spans="1:20" ht="21.75" customHeight="1" x14ac:dyDescent="0.15">
      <c r="A93" s="10" t="s">
        <v>15</v>
      </c>
      <c r="B93" s="11" t="s">
        <v>6</v>
      </c>
      <c r="C93" s="11" t="s">
        <v>6</v>
      </c>
      <c r="D93" s="11" t="s">
        <v>6</v>
      </c>
      <c r="E93" s="11" t="s">
        <v>6</v>
      </c>
      <c r="F93" s="11" t="s">
        <v>6</v>
      </c>
      <c r="G93" s="12">
        <v>37</v>
      </c>
      <c r="H93" s="12">
        <v>24</v>
      </c>
      <c r="I93" s="12">
        <v>21</v>
      </c>
      <c r="J93" s="12">
        <v>26</v>
      </c>
      <c r="K93" s="12">
        <v>31</v>
      </c>
      <c r="L93" s="21">
        <v>28</v>
      </c>
      <c r="M93" s="21">
        <v>28</v>
      </c>
      <c r="N93" s="21">
        <v>24</v>
      </c>
      <c r="O93" s="21">
        <v>23</v>
      </c>
      <c r="P93" s="21">
        <v>16</v>
      </c>
      <c r="Q93" s="21">
        <v>17</v>
      </c>
    </row>
    <row r="94" spans="1:20" ht="21.75" customHeight="1" x14ac:dyDescent="0.15">
      <c r="A94" s="10" t="s">
        <v>16</v>
      </c>
      <c r="B94" s="11" t="s">
        <v>6</v>
      </c>
      <c r="C94" s="11" t="s">
        <v>6</v>
      </c>
      <c r="D94" s="11" t="s">
        <v>6</v>
      </c>
      <c r="E94" s="11" t="s">
        <v>6</v>
      </c>
      <c r="F94" s="11" t="s">
        <v>6</v>
      </c>
      <c r="G94" s="12">
        <v>58</v>
      </c>
      <c r="H94" s="12">
        <v>35</v>
      </c>
      <c r="I94" s="12">
        <v>24</v>
      </c>
      <c r="J94" s="12">
        <v>21</v>
      </c>
      <c r="K94" s="12">
        <v>19</v>
      </c>
      <c r="L94" s="21">
        <v>21</v>
      </c>
      <c r="M94" s="21">
        <v>18</v>
      </c>
      <c r="N94" s="21">
        <v>20</v>
      </c>
      <c r="O94" s="21">
        <v>25</v>
      </c>
      <c r="P94" s="21">
        <v>30</v>
      </c>
      <c r="Q94" s="21">
        <v>28</v>
      </c>
    </row>
    <row r="95" spans="1:20" ht="21.75" customHeight="1" x14ac:dyDescent="0.15">
      <c r="A95" s="10" t="s">
        <v>17</v>
      </c>
      <c r="B95" s="11" t="s">
        <v>6</v>
      </c>
      <c r="C95" s="11" t="s">
        <v>6</v>
      </c>
      <c r="D95" s="11" t="s">
        <v>6</v>
      </c>
      <c r="E95" s="11" t="s">
        <v>6</v>
      </c>
      <c r="F95" s="11" t="s">
        <v>6</v>
      </c>
      <c r="G95" s="12">
        <v>56</v>
      </c>
      <c r="H95" s="12">
        <v>55</v>
      </c>
      <c r="I95" s="12">
        <v>35</v>
      </c>
      <c r="J95" s="12">
        <v>23</v>
      </c>
      <c r="K95" s="12">
        <v>26</v>
      </c>
      <c r="L95" s="21">
        <v>23</v>
      </c>
      <c r="M95" s="21">
        <v>27</v>
      </c>
      <c r="N95" s="21">
        <v>28</v>
      </c>
      <c r="O95" s="21">
        <v>21</v>
      </c>
      <c r="P95" s="21">
        <v>17</v>
      </c>
      <c r="Q95" s="21">
        <v>18</v>
      </c>
    </row>
    <row r="96" spans="1:20" ht="21.75" customHeight="1" x14ac:dyDescent="0.15">
      <c r="A96" s="10" t="s">
        <v>18</v>
      </c>
      <c r="B96" s="11" t="s">
        <v>6</v>
      </c>
      <c r="C96" s="11" t="s">
        <v>6</v>
      </c>
      <c r="D96" s="11" t="s">
        <v>6</v>
      </c>
      <c r="E96" s="11" t="s">
        <v>6</v>
      </c>
      <c r="F96" s="11" t="s">
        <v>6</v>
      </c>
      <c r="G96" s="12">
        <v>37</v>
      </c>
      <c r="H96" s="12">
        <v>55</v>
      </c>
      <c r="I96" s="12">
        <v>52</v>
      </c>
      <c r="J96" s="12">
        <v>39</v>
      </c>
      <c r="K96" s="12">
        <v>33</v>
      </c>
      <c r="L96" s="21">
        <v>34</v>
      </c>
      <c r="M96" s="21">
        <v>23</v>
      </c>
      <c r="N96" s="21">
        <v>17</v>
      </c>
      <c r="O96" s="21">
        <v>21</v>
      </c>
      <c r="P96" s="21">
        <v>26</v>
      </c>
      <c r="Q96" s="21">
        <v>23</v>
      </c>
    </row>
    <row r="97" spans="1:17" ht="21.75" customHeight="1" x14ac:dyDescent="0.15">
      <c r="A97" s="13" t="s">
        <v>19</v>
      </c>
      <c r="B97" s="14" t="s">
        <v>6</v>
      </c>
      <c r="C97" s="14" t="s">
        <v>6</v>
      </c>
      <c r="D97" s="14" t="s">
        <v>6</v>
      </c>
      <c r="E97" s="14" t="s">
        <v>6</v>
      </c>
      <c r="F97" s="14" t="s">
        <v>6</v>
      </c>
      <c r="G97" s="15">
        <v>27</v>
      </c>
      <c r="H97" s="15">
        <v>35</v>
      </c>
      <c r="I97" s="15">
        <v>53</v>
      </c>
      <c r="J97" s="15">
        <v>57</v>
      </c>
      <c r="K97" s="15">
        <v>53</v>
      </c>
      <c r="L97" s="22">
        <v>52</v>
      </c>
      <c r="M97" s="22">
        <v>57</v>
      </c>
      <c r="N97" s="22">
        <v>48</v>
      </c>
      <c r="O97" s="22">
        <v>36</v>
      </c>
      <c r="P97" s="22">
        <v>30</v>
      </c>
      <c r="Q97" s="22">
        <v>29</v>
      </c>
    </row>
    <row r="98" spans="1:17" ht="21.75" customHeight="1" x14ac:dyDescent="0.15">
      <c r="A98" s="13" t="s">
        <v>20</v>
      </c>
      <c r="B98" s="14" t="s">
        <v>6</v>
      </c>
      <c r="C98" s="14" t="s">
        <v>6</v>
      </c>
      <c r="D98" s="14" t="s">
        <v>6</v>
      </c>
      <c r="E98" s="14" t="s">
        <v>6</v>
      </c>
      <c r="F98" s="14" t="s">
        <v>6</v>
      </c>
      <c r="G98" s="15">
        <v>26</v>
      </c>
      <c r="H98" s="15">
        <v>26</v>
      </c>
      <c r="I98" s="15">
        <v>32</v>
      </c>
      <c r="J98" s="15">
        <v>39</v>
      </c>
      <c r="K98" s="15">
        <v>45</v>
      </c>
      <c r="L98" s="22">
        <v>47</v>
      </c>
      <c r="M98" s="22">
        <v>48</v>
      </c>
      <c r="N98" s="22">
        <v>47</v>
      </c>
      <c r="O98" s="22">
        <v>54</v>
      </c>
      <c r="P98" s="22">
        <v>48</v>
      </c>
      <c r="Q98" s="22">
        <v>46</v>
      </c>
    </row>
    <row r="99" spans="1:17" ht="21.75" customHeight="1" x14ac:dyDescent="0.15">
      <c r="A99" s="13" t="s">
        <v>21</v>
      </c>
      <c r="B99" s="14" t="s">
        <v>6</v>
      </c>
      <c r="C99" s="14" t="s">
        <v>6</v>
      </c>
      <c r="D99" s="14" t="s">
        <v>6</v>
      </c>
      <c r="E99" s="14" t="s">
        <v>6</v>
      </c>
      <c r="F99" s="14" t="s">
        <v>6</v>
      </c>
      <c r="G99" s="15">
        <v>32</v>
      </c>
      <c r="H99" s="15">
        <v>19</v>
      </c>
      <c r="I99" s="15">
        <v>22</v>
      </c>
      <c r="J99" s="15">
        <v>28</v>
      </c>
      <c r="K99" s="15">
        <v>25</v>
      </c>
      <c r="L99" s="22">
        <v>24</v>
      </c>
      <c r="M99" s="22">
        <v>26</v>
      </c>
      <c r="N99" s="22">
        <v>31</v>
      </c>
      <c r="O99" s="22">
        <v>32</v>
      </c>
      <c r="P99" s="22">
        <v>37</v>
      </c>
      <c r="Q99" s="22">
        <v>41</v>
      </c>
    </row>
    <row r="100" spans="1:17" ht="21.75" customHeight="1" x14ac:dyDescent="0.15">
      <c r="A100" s="13" t="s">
        <v>22</v>
      </c>
      <c r="B100" s="14" t="s">
        <v>6</v>
      </c>
      <c r="C100" s="14" t="s">
        <v>6</v>
      </c>
      <c r="D100" s="14" t="s">
        <v>6</v>
      </c>
      <c r="E100" s="14" t="s">
        <v>6</v>
      </c>
      <c r="F100" s="14" t="s">
        <v>6</v>
      </c>
      <c r="G100" s="15">
        <v>20</v>
      </c>
      <c r="H100" s="15">
        <v>27</v>
      </c>
      <c r="I100" s="15">
        <v>15</v>
      </c>
      <c r="J100" s="15">
        <v>16</v>
      </c>
      <c r="K100" s="15">
        <v>18</v>
      </c>
      <c r="L100" s="22">
        <v>17</v>
      </c>
      <c r="M100" s="22">
        <v>18</v>
      </c>
      <c r="N100" s="22">
        <v>19</v>
      </c>
      <c r="O100" s="22">
        <v>21</v>
      </c>
      <c r="P100" s="22">
        <v>19</v>
      </c>
      <c r="Q100" s="22">
        <v>17</v>
      </c>
    </row>
    <row r="101" spans="1:17" ht="21.75" customHeight="1" x14ac:dyDescent="0.15">
      <c r="A101" s="13" t="s">
        <v>23</v>
      </c>
      <c r="B101" s="14" t="s">
        <v>6</v>
      </c>
      <c r="C101" s="14" t="s">
        <v>6</v>
      </c>
      <c r="D101" s="14" t="s">
        <v>6</v>
      </c>
      <c r="E101" s="14" t="s">
        <v>6</v>
      </c>
      <c r="F101" s="14" t="s">
        <v>6</v>
      </c>
      <c r="G101" s="15">
        <v>18</v>
      </c>
      <c r="H101" s="15">
        <v>12</v>
      </c>
      <c r="I101" s="15">
        <v>14</v>
      </c>
      <c r="J101" s="15">
        <v>14</v>
      </c>
      <c r="K101" s="15">
        <v>8</v>
      </c>
      <c r="L101" s="22">
        <v>8</v>
      </c>
      <c r="M101" s="22">
        <v>7</v>
      </c>
      <c r="N101" s="22">
        <v>11</v>
      </c>
      <c r="O101" s="22">
        <v>13</v>
      </c>
      <c r="P101" s="22">
        <v>14</v>
      </c>
      <c r="Q101" s="22">
        <v>13</v>
      </c>
    </row>
    <row r="102" spans="1:17" ht="21.75" customHeight="1" x14ac:dyDescent="0.15">
      <c r="A102" s="13" t="s">
        <v>24</v>
      </c>
      <c r="B102" s="14" t="s">
        <v>6</v>
      </c>
      <c r="C102" s="14" t="s">
        <v>6</v>
      </c>
      <c r="D102" s="14" t="s">
        <v>6</v>
      </c>
      <c r="E102" s="14" t="s">
        <v>6</v>
      </c>
      <c r="F102" s="14" t="s">
        <v>6</v>
      </c>
      <c r="G102" s="15">
        <v>1</v>
      </c>
      <c r="H102" s="15">
        <v>9</v>
      </c>
      <c r="I102" s="15">
        <v>8</v>
      </c>
      <c r="J102" s="15">
        <v>1</v>
      </c>
      <c r="K102" s="15">
        <v>6</v>
      </c>
      <c r="L102" s="22">
        <v>5</v>
      </c>
      <c r="M102" s="22">
        <v>8</v>
      </c>
      <c r="N102" s="22">
        <v>5</v>
      </c>
      <c r="O102" s="22">
        <v>6</v>
      </c>
      <c r="P102" s="22">
        <v>6</v>
      </c>
      <c r="Q102" s="22">
        <v>6</v>
      </c>
    </row>
    <row r="103" spans="1:17" ht="21.75" customHeight="1" x14ac:dyDescent="0.15">
      <c r="A103" s="13" t="s">
        <v>25</v>
      </c>
      <c r="B103" s="14" t="s">
        <v>6</v>
      </c>
      <c r="C103" s="14" t="s">
        <v>6</v>
      </c>
      <c r="D103" s="14" t="s">
        <v>6</v>
      </c>
      <c r="E103" s="14" t="s">
        <v>6</v>
      </c>
      <c r="F103" s="14" t="s">
        <v>6</v>
      </c>
      <c r="G103" s="15">
        <v>1</v>
      </c>
      <c r="H103" s="15">
        <v>0</v>
      </c>
      <c r="I103" s="15">
        <v>3</v>
      </c>
      <c r="J103" s="15">
        <v>2</v>
      </c>
      <c r="K103" s="15">
        <v>2</v>
      </c>
      <c r="L103" s="22">
        <v>1</v>
      </c>
      <c r="M103" s="22">
        <v>0</v>
      </c>
      <c r="N103" s="22">
        <v>0</v>
      </c>
      <c r="O103" s="22">
        <v>0</v>
      </c>
      <c r="P103" s="22">
        <v>1</v>
      </c>
      <c r="Q103" s="22">
        <v>0</v>
      </c>
    </row>
    <row r="104" spans="1:17" ht="21.75" customHeight="1" x14ac:dyDescent="0.15">
      <c r="A104" s="13" t="s">
        <v>26</v>
      </c>
      <c r="B104" s="14" t="s">
        <v>6</v>
      </c>
      <c r="C104" s="14" t="s">
        <v>6</v>
      </c>
      <c r="D104" s="14" t="s">
        <v>6</v>
      </c>
      <c r="E104" s="14" t="s">
        <v>6</v>
      </c>
      <c r="F104" s="14" t="s">
        <v>6</v>
      </c>
      <c r="G104" s="15">
        <v>0</v>
      </c>
      <c r="H104" s="15">
        <v>1</v>
      </c>
      <c r="I104" s="15">
        <v>1</v>
      </c>
      <c r="J104" s="15">
        <v>0</v>
      </c>
      <c r="K104" s="15">
        <v>0</v>
      </c>
      <c r="L104" s="22">
        <v>0</v>
      </c>
      <c r="M104" s="22">
        <v>0</v>
      </c>
      <c r="N104" s="22">
        <v>0</v>
      </c>
      <c r="O104" s="22">
        <v>0</v>
      </c>
      <c r="P104" s="22">
        <v>0</v>
      </c>
      <c r="Q104" s="22">
        <v>0</v>
      </c>
    </row>
    <row r="105" spans="1:17" ht="21.75" customHeight="1" x14ac:dyDescent="0.15">
      <c r="A105" s="6" t="s">
        <v>38</v>
      </c>
      <c r="B105" s="16" t="s">
        <v>6</v>
      </c>
      <c r="C105" s="16" t="s">
        <v>6</v>
      </c>
      <c r="D105" s="16" t="s">
        <v>6</v>
      </c>
      <c r="E105" s="16" t="s">
        <v>6</v>
      </c>
      <c r="F105" s="16" t="s">
        <v>6</v>
      </c>
      <c r="G105" s="17">
        <v>598</v>
      </c>
      <c r="H105" s="17">
        <v>546</v>
      </c>
      <c r="I105" s="17">
        <v>500</v>
      </c>
      <c r="J105" s="17">
        <v>465</v>
      </c>
      <c r="K105" s="17">
        <v>446</v>
      </c>
      <c r="L105" s="17">
        <v>431</v>
      </c>
      <c r="M105" s="17">
        <v>430</v>
      </c>
      <c r="N105" s="17">
        <v>410</v>
      </c>
      <c r="O105" s="17">
        <v>401</v>
      </c>
      <c r="P105" s="17">
        <v>388</v>
      </c>
      <c r="Q105" s="17">
        <v>374</v>
      </c>
    </row>
    <row r="106" spans="1:17" ht="21.75" customHeight="1" x14ac:dyDescent="0.2">
      <c r="A106" s="4"/>
      <c r="B106" s="4"/>
      <c r="C106" s="4"/>
      <c r="D106" s="4"/>
      <c r="E106" s="4"/>
      <c r="F106" s="4"/>
      <c r="G106" s="4"/>
      <c r="H106" s="4"/>
      <c r="I106" s="4"/>
      <c r="J106" s="4"/>
      <c r="K106" s="4"/>
      <c r="L106" s="4"/>
      <c r="O106" s="18"/>
      <c r="P106" s="18"/>
      <c r="Q106" s="18"/>
    </row>
    <row r="107" spans="1:17" ht="21.75" customHeight="1" x14ac:dyDescent="0.2">
      <c r="A107" s="4"/>
      <c r="B107" s="4"/>
      <c r="C107" s="4"/>
      <c r="D107" s="4"/>
      <c r="E107" s="4"/>
      <c r="F107" s="4"/>
      <c r="G107" s="4"/>
      <c r="H107" s="4"/>
      <c r="I107" s="4"/>
      <c r="J107" s="4"/>
      <c r="K107" s="4"/>
      <c r="L107" s="4"/>
      <c r="O107" s="18"/>
      <c r="P107" s="18"/>
      <c r="Q107" s="18"/>
    </row>
    <row r="108" spans="1:17" s="3" customFormat="1" ht="21.75" customHeight="1" x14ac:dyDescent="0.15">
      <c r="A108" s="3" t="s">
        <v>28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15">
      <c r="A109" s="6" t="s">
        <v>1</v>
      </c>
      <c r="B109" s="6" t="s">
        <v>2</v>
      </c>
      <c r="C109" s="6">
        <v>60</v>
      </c>
      <c r="D109" s="6" t="s">
        <v>3</v>
      </c>
      <c r="E109" s="6">
        <v>7</v>
      </c>
      <c r="F109" s="6">
        <v>12</v>
      </c>
      <c r="G109" s="6">
        <v>17</v>
      </c>
      <c r="H109" s="6">
        <v>22</v>
      </c>
      <c r="I109" s="6">
        <v>27</v>
      </c>
      <c r="J109" s="6">
        <v>30</v>
      </c>
      <c r="K109" s="6" t="s">
        <v>4</v>
      </c>
      <c r="L109" s="6">
        <v>2</v>
      </c>
      <c r="M109" s="6">
        <v>3</v>
      </c>
      <c r="N109" s="6">
        <v>4</v>
      </c>
      <c r="O109" s="6">
        <v>5</v>
      </c>
      <c r="P109" s="6">
        <v>6</v>
      </c>
      <c r="Q109" s="6">
        <v>7</v>
      </c>
    </row>
    <row r="110" spans="1:17" ht="21.75" customHeight="1" x14ac:dyDescent="0.15">
      <c r="A110" s="7" t="s">
        <v>29</v>
      </c>
      <c r="B110" s="8" t="s">
        <v>6</v>
      </c>
      <c r="C110" s="8" t="s">
        <v>6</v>
      </c>
      <c r="D110" s="8" t="s">
        <v>6</v>
      </c>
      <c r="E110" s="8" t="s">
        <v>6</v>
      </c>
      <c r="F110" s="8" t="s">
        <v>6</v>
      </c>
      <c r="G110" s="9">
        <v>84</v>
      </c>
      <c r="H110" s="9">
        <v>86</v>
      </c>
      <c r="I110" s="9">
        <v>80</v>
      </c>
      <c r="J110" s="9">
        <v>63</v>
      </c>
      <c r="K110" s="9">
        <v>54</v>
      </c>
      <c r="L110" s="9">
        <v>53</v>
      </c>
      <c r="M110" s="9">
        <v>50</v>
      </c>
      <c r="N110" s="9">
        <v>47</v>
      </c>
      <c r="O110" s="9">
        <v>44</v>
      </c>
      <c r="P110" s="9">
        <v>38</v>
      </c>
      <c r="Q110" s="9">
        <v>33</v>
      </c>
    </row>
    <row r="111" spans="1:17" ht="21.75" customHeight="1" x14ac:dyDescent="0.15">
      <c r="A111" s="10" t="s">
        <v>30</v>
      </c>
      <c r="B111" s="11" t="s">
        <v>6</v>
      </c>
      <c r="C111" s="11" t="s">
        <v>6</v>
      </c>
      <c r="D111" s="11" t="s">
        <v>6</v>
      </c>
      <c r="E111" s="11" t="s">
        <v>6</v>
      </c>
      <c r="F111" s="11" t="s">
        <v>6</v>
      </c>
      <c r="G111" s="12">
        <v>389</v>
      </c>
      <c r="H111" s="12">
        <v>331</v>
      </c>
      <c r="I111" s="12">
        <v>272</v>
      </c>
      <c r="J111" s="12">
        <v>245</v>
      </c>
      <c r="K111" s="12">
        <v>235</v>
      </c>
      <c r="L111" s="12">
        <v>224</v>
      </c>
      <c r="M111" s="12">
        <v>216</v>
      </c>
      <c r="N111" s="12">
        <v>202</v>
      </c>
      <c r="O111" s="12">
        <v>195</v>
      </c>
      <c r="P111" s="12">
        <v>195</v>
      </c>
      <c r="Q111" s="12">
        <v>189</v>
      </c>
    </row>
    <row r="112" spans="1:17" ht="21.75" customHeight="1" x14ac:dyDescent="0.15">
      <c r="A112" s="13" t="s">
        <v>31</v>
      </c>
      <c r="B112" s="14" t="s">
        <v>6</v>
      </c>
      <c r="C112" s="14" t="s">
        <v>6</v>
      </c>
      <c r="D112" s="14" t="s">
        <v>6</v>
      </c>
      <c r="E112" s="14" t="s">
        <v>6</v>
      </c>
      <c r="F112" s="14" t="s">
        <v>6</v>
      </c>
      <c r="G112" s="15">
        <v>125</v>
      </c>
      <c r="H112" s="15">
        <v>129</v>
      </c>
      <c r="I112" s="15">
        <v>148</v>
      </c>
      <c r="J112" s="15">
        <v>157</v>
      </c>
      <c r="K112" s="15">
        <v>157</v>
      </c>
      <c r="L112" s="15">
        <v>154</v>
      </c>
      <c r="M112" s="15">
        <v>164</v>
      </c>
      <c r="N112" s="15">
        <v>161</v>
      </c>
      <c r="O112" s="15">
        <v>162</v>
      </c>
      <c r="P112" s="15">
        <v>155</v>
      </c>
      <c r="Q112" s="15">
        <v>152</v>
      </c>
    </row>
    <row r="113" spans="1:17" ht="21.75" customHeight="1" x14ac:dyDescent="0.15">
      <c r="A113" s="6" t="s">
        <v>32</v>
      </c>
      <c r="B113" s="16" t="s">
        <v>6</v>
      </c>
      <c r="C113" s="16" t="s">
        <v>6</v>
      </c>
      <c r="D113" s="16" t="s">
        <v>6</v>
      </c>
      <c r="E113" s="16" t="s">
        <v>6</v>
      </c>
      <c r="F113" s="16" t="s">
        <v>6</v>
      </c>
      <c r="G113" s="17">
        <v>598</v>
      </c>
      <c r="H113" s="17">
        <v>546</v>
      </c>
      <c r="I113" s="17">
        <v>500</v>
      </c>
      <c r="J113" s="17">
        <v>465</v>
      </c>
      <c r="K113" s="17">
        <v>446</v>
      </c>
      <c r="L113" s="17">
        <v>431</v>
      </c>
      <c r="M113" s="17">
        <v>430</v>
      </c>
      <c r="N113" s="17">
        <v>410</v>
      </c>
      <c r="O113" s="17">
        <v>401</v>
      </c>
      <c r="P113" s="17">
        <v>388</v>
      </c>
      <c r="Q113" s="17">
        <v>374</v>
      </c>
    </row>
    <row r="114" spans="1:17" s="5" customFormat="1" ht="21.75" customHeight="1" x14ac:dyDescent="0.15">
      <c r="A114" s="24"/>
      <c r="B114" s="25"/>
      <c r="C114" s="25"/>
      <c r="D114" s="25"/>
      <c r="E114" s="25"/>
      <c r="F114" s="25"/>
      <c r="G114" s="25"/>
      <c r="H114" s="25"/>
      <c r="I114" s="25"/>
      <c r="J114" s="25"/>
      <c r="K114" s="25"/>
      <c r="L114" s="25"/>
      <c r="M114" s="25"/>
      <c r="N114" s="25"/>
      <c r="O114" s="25"/>
      <c r="P114" s="26"/>
      <c r="Q114" s="26"/>
    </row>
    <row r="115" spans="1:17" s="5" customFormat="1" ht="21.75" customHeight="1" x14ac:dyDescent="0.15">
      <c r="A115" s="27"/>
      <c r="B115" s="26"/>
      <c r="C115" s="26"/>
      <c r="D115" s="26"/>
      <c r="E115" s="26"/>
      <c r="F115" s="26"/>
      <c r="G115" s="26"/>
      <c r="H115" s="26"/>
      <c r="I115" s="26"/>
      <c r="J115" s="26"/>
      <c r="K115" s="26"/>
      <c r="L115" s="26"/>
      <c r="M115" s="26"/>
      <c r="N115" s="26"/>
      <c r="O115" s="26"/>
      <c r="P115" s="26"/>
      <c r="Q115" s="26"/>
    </row>
    <row r="116" spans="1:17" s="3" customFormat="1" ht="21.75" customHeight="1" x14ac:dyDescent="0.15">
      <c r="A116" s="28" t="s">
        <v>33</v>
      </c>
      <c r="B116" s="29"/>
      <c r="C116" s="29"/>
      <c r="D116" s="29"/>
      <c r="E116" s="29"/>
      <c r="F116" s="29"/>
      <c r="G116" s="29"/>
      <c r="H116" s="29"/>
      <c r="I116" s="29"/>
      <c r="J116" s="29"/>
      <c r="K116" s="29"/>
      <c r="L116" s="29"/>
      <c r="M116" s="29"/>
      <c r="N116" s="29"/>
      <c r="O116" s="29"/>
      <c r="P116" s="30"/>
      <c r="Q116" s="30"/>
    </row>
    <row r="117" spans="1:17" s="5" customFormat="1" ht="21.75" customHeight="1" x14ac:dyDescent="0.15">
      <c r="A117" s="6" t="s">
        <v>1</v>
      </c>
      <c r="B117" s="6" t="s">
        <v>2</v>
      </c>
      <c r="C117" s="6">
        <v>60</v>
      </c>
      <c r="D117" s="6" t="s">
        <v>3</v>
      </c>
      <c r="E117" s="6">
        <v>7</v>
      </c>
      <c r="F117" s="6">
        <v>12</v>
      </c>
      <c r="G117" s="6">
        <v>17</v>
      </c>
      <c r="H117" s="6">
        <v>22</v>
      </c>
      <c r="I117" s="6">
        <v>27</v>
      </c>
      <c r="J117" s="6">
        <v>30</v>
      </c>
      <c r="K117" s="6" t="s">
        <v>4</v>
      </c>
      <c r="L117" s="6">
        <v>2</v>
      </c>
      <c r="M117" s="6">
        <v>3</v>
      </c>
      <c r="N117" s="6">
        <v>4</v>
      </c>
      <c r="O117" s="6">
        <v>5</v>
      </c>
      <c r="P117" s="6">
        <v>6</v>
      </c>
      <c r="Q117" s="6">
        <v>7</v>
      </c>
    </row>
    <row r="118" spans="1:17" ht="21.75" customHeight="1" x14ac:dyDescent="0.15">
      <c r="A118" s="7" t="s">
        <v>29</v>
      </c>
      <c r="B118" s="31" t="s">
        <v>6</v>
      </c>
      <c r="C118" s="31" t="s">
        <v>6</v>
      </c>
      <c r="D118" s="31" t="s">
        <v>6</v>
      </c>
      <c r="E118" s="31" t="s">
        <v>6</v>
      </c>
      <c r="F118" s="31" t="s">
        <v>6</v>
      </c>
      <c r="G118" s="42">
        <v>14</v>
      </c>
      <c r="H118" s="42">
        <v>15.8</v>
      </c>
      <c r="I118" s="42">
        <v>16</v>
      </c>
      <c r="J118" s="42">
        <v>13.5</v>
      </c>
      <c r="K118" s="42">
        <v>12.1</v>
      </c>
      <c r="L118" s="42">
        <v>12.3</v>
      </c>
      <c r="M118" s="42">
        <v>11.6</v>
      </c>
      <c r="N118" s="42">
        <v>11.5</v>
      </c>
      <c r="O118" s="42">
        <v>11</v>
      </c>
      <c r="P118" s="42">
        <v>9.8000000000000007</v>
      </c>
      <c r="Q118" s="42">
        <v>8.8000000000000007</v>
      </c>
    </row>
    <row r="119" spans="1:17" ht="21.75" customHeight="1" x14ac:dyDescent="0.15">
      <c r="A119" s="10" t="s">
        <v>30</v>
      </c>
      <c r="B119" s="33" t="s">
        <v>6</v>
      </c>
      <c r="C119" s="33" t="s">
        <v>6</v>
      </c>
      <c r="D119" s="33" t="s">
        <v>6</v>
      </c>
      <c r="E119" s="33" t="s">
        <v>6</v>
      </c>
      <c r="F119" s="33" t="s">
        <v>6</v>
      </c>
      <c r="G119" s="43">
        <v>65.099999999999994</v>
      </c>
      <c r="H119" s="43">
        <v>60.6</v>
      </c>
      <c r="I119" s="43">
        <v>54.4</v>
      </c>
      <c r="J119" s="43">
        <v>52.7</v>
      </c>
      <c r="K119" s="43">
        <v>52.7</v>
      </c>
      <c r="L119" s="43">
        <v>52</v>
      </c>
      <c r="M119" s="43">
        <v>50.2</v>
      </c>
      <c r="N119" s="43">
        <v>49.3</v>
      </c>
      <c r="O119" s="43">
        <v>48.6</v>
      </c>
      <c r="P119" s="43">
        <v>50.3</v>
      </c>
      <c r="Q119" s="43">
        <v>50.5</v>
      </c>
    </row>
    <row r="120" spans="1:17" ht="21.75" customHeight="1" x14ac:dyDescent="0.15">
      <c r="A120" s="13" t="s">
        <v>31</v>
      </c>
      <c r="B120" s="35" t="s">
        <v>6</v>
      </c>
      <c r="C120" s="35" t="s">
        <v>6</v>
      </c>
      <c r="D120" s="35" t="s">
        <v>6</v>
      </c>
      <c r="E120" s="35" t="s">
        <v>6</v>
      </c>
      <c r="F120" s="35" t="s">
        <v>6</v>
      </c>
      <c r="G120" s="44">
        <v>20.9</v>
      </c>
      <c r="H120" s="44">
        <v>23.6</v>
      </c>
      <c r="I120" s="44">
        <v>29.6</v>
      </c>
      <c r="J120" s="44">
        <v>33.799999999999997</v>
      </c>
      <c r="K120" s="44">
        <v>35.200000000000003</v>
      </c>
      <c r="L120" s="44">
        <v>35.700000000000003</v>
      </c>
      <c r="M120" s="44">
        <v>38.1</v>
      </c>
      <c r="N120" s="44">
        <v>39.299999999999997</v>
      </c>
      <c r="O120" s="44">
        <v>40.4</v>
      </c>
      <c r="P120" s="44">
        <v>39.9</v>
      </c>
      <c r="Q120" s="44">
        <v>40.6</v>
      </c>
    </row>
    <row r="121" spans="1:17" ht="21.75" customHeight="1" x14ac:dyDescent="0.2">
      <c r="A121" s="37" t="s">
        <v>34</v>
      </c>
      <c r="B121" s="4"/>
      <c r="C121" s="4"/>
      <c r="D121" s="4"/>
      <c r="E121" s="4"/>
      <c r="F121" s="4"/>
      <c r="G121" s="4"/>
      <c r="H121" s="4"/>
      <c r="I121" s="4"/>
      <c r="J121" s="4"/>
      <c r="K121" s="4"/>
      <c r="L121" s="4"/>
      <c r="M121" s="4"/>
      <c r="O121" s="18"/>
      <c r="P121" s="18"/>
      <c r="Q121" s="18"/>
    </row>
    <row r="122" spans="1:17" ht="21.75" customHeight="1" x14ac:dyDescent="0.2">
      <c r="A122" s="37"/>
      <c r="B122" s="4"/>
      <c r="C122" s="4"/>
      <c r="D122" s="4"/>
      <c r="E122" s="4"/>
      <c r="F122" s="4"/>
      <c r="G122" s="4"/>
      <c r="H122" s="4"/>
      <c r="I122" s="4"/>
      <c r="J122" s="4"/>
      <c r="K122" s="4"/>
      <c r="L122" s="4"/>
      <c r="M122" s="4"/>
      <c r="O122" s="18"/>
      <c r="P122" s="18"/>
      <c r="Q122" s="18"/>
    </row>
    <row r="123" spans="1:17" ht="21.75" customHeight="1" x14ac:dyDescent="0.2">
      <c r="A123" s="37"/>
      <c r="B123" s="4"/>
      <c r="C123" s="4"/>
      <c r="D123" s="4"/>
      <c r="E123" s="4"/>
      <c r="F123" s="4"/>
      <c r="G123" s="4"/>
      <c r="H123" s="4"/>
      <c r="I123" s="4"/>
      <c r="J123" s="4"/>
      <c r="K123" s="4"/>
      <c r="L123" s="4"/>
      <c r="M123" s="4"/>
      <c r="O123" s="18"/>
      <c r="P123" s="18"/>
      <c r="Q123" s="18"/>
    </row>
    <row r="124" spans="1:17" ht="21.75" customHeight="1" x14ac:dyDescent="0.2">
      <c r="A124" s="37"/>
      <c r="B124" s="4"/>
      <c r="C124" s="4"/>
      <c r="D124" s="4"/>
      <c r="E124" s="4"/>
      <c r="F124" s="4"/>
      <c r="G124" s="4"/>
      <c r="H124" s="4"/>
      <c r="I124" s="4"/>
      <c r="J124" s="4"/>
      <c r="K124" s="4"/>
      <c r="L124" s="4"/>
      <c r="M124" s="4"/>
      <c r="O124" s="18"/>
      <c r="P124" s="18"/>
      <c r="Q124" s="18"/>
    </row>
    <row r="125" spans="1:17" ht="21.75" customHeight="1" x14ac:dyDescent="0.2">
      <c r="A125" s="37"/>
      <c r="B125" s="4"/>
      <c r="C125" s="4"/>
      <c r="D125" s="4"/>
      <c r="E125" s="4"/>
      <c r="F125" s="4"/>
      <c r="G125" s="4"/>
      <c r="H125" s="4"/>
      <c r="I125" s="4"/>
      <c r="J125" s="4"/>
      <c r="K125" s="4"/>
      <c r="L125" s="4"/>
      <c r="M125" s="4"/>
      <c r="O125" s="18"/>
      <c r="P125" s="18"/>
      <c r="Q125" s="18"/>
    </row>
    <row r="126" spans="1:17" ht="21.75" customHeight="1" x14ac:dyDescent="0.2">
      <c r="A126" s="37"/>
      <c r="B126" s="4"/>
      <c r="C126" s="4"/>
      <c r="D126" s="4"/>
      <c r="E126" s="4"/>
      <c r="F126" s="4"/>
      <c r="G126" s="4"/>
      <c r="H126" s="4"/>
      <c r="I126" s="4"/>
      <c r="J126" s="4"/>
      <c r="K126" s="4"/>
      <c r="L126" s="4"/>
      <c r="M126" s="4"/>
      <c r="O126" s="18"/>
      <c r="P126" s="18"/>
      <c r="Q126" s="18"/>
    </row>
    <row r="127" spans="1:17" ht="21.75" customHeight="1" x14ac:dyDescent="0.2">
      <c r="A127" s="4"/>
      <c r="B127" s="4"/>
      <c r="C127" s="4"/>
      <c r="D127" s="4"/>
      <c r="E127" s="4"/>
      <c r="F127" s="4"/>
      <c r="G127" s="4"/>
      <c r="H127" s="4"/>
      <c r="I127" s="4"/>
      <c r="J127" s="4"/>
      <c r="K127" s="4"/>
      <c r="L127" s="4"/>
      <c r="M127" s="4"/>
      <c r="O127" s="18"/>
      <c r="P127" s="18"/>
      <c r="Q127" s="18"/>
    </row>
    <row r="128" spans="1:17" ht="21.75" customHeight="1" x14ac:dyDescent="0.2">
      <c r="A128" s="3" t="s">
        <v>43</v>
      </c>
      <c r="B128" s="4"/>
      <c r="C128" s="4"/>
      <c r="D128" s="4"/>
      <c r="E128" s="4"/>
      <c r="F128" s="4"/>
      <c r="G128" s="4"/>
      <c r="H128" s="4"/>
      <c r="I128" s="4"/>
      <c r="J128" s="4"/>
      <c r="K128" s="4"/>
      <c r="L128" s="4"/>
      <c r="M128" s="4"/>
      <c r="O128" s="18"/>
      <c r="P128" s="18"/>
      <c r="Q128" s="18"/>
    </row>
    <row r="129" spans="1:17" ht="21.75" customHeight="1" x14ac:dyDescent="0.15">
      <c r="A129" s="6" t="s">
        <v>1</v>
      </c>
      <c r="B129" s="6" t="s">
        <v>2</v>
      </c>
      <c r="C129" s="6">
        <v>60</v>
      </c>
      <c r="D129" s="6" t="s">
        <v>3</v>
      </c>
      <c r="E129" s="6">
        <v>7</v>
      </c>
      <c r="F129" s="6">
        <v>12</v>
      </c>
      <c r="G129" s="6">
        <v>17</v>
      </c>
      <c r="H129" s="6">
        <v>22</v>
      </c>
      <c r="I129" s="6">
        <v>27</v>
      </c>
      <c r="J129" s="6">
        <v>30</v>
      </c>
      <c r="K129" s="6" t="s">
        <v>4</v>
      </c>
      <c r="L129" s="6">
        <v>2</v>
      </c>
      <c r="M129" s="6">
        <v>3</v>
      </c>
      <c r="N129" s="6">
        <v>4</v>
      </c>
      <c r="O129" s="6">
        <v>5</v>
      </c>
      <c r="P129" s="6">
        <v>6</v>
      </c>
      <c r="Q129" s="6">
        <v>7</v>
      </c>
    </row>
    <row r="130" spans="1:17" ht="21.75" customHeight="1" x14ac:dyDescent="0.15">
      <c r="A130" s="7" t="s">
        <v>5</v>
      </c>
      <c r="B130" s="8" t="s">
        <v>6</v>
      </c>
      <c r="C130" s="8" t="s">
        <v>6</v>
      </c>
      <c r="D130" s="8" t="s">
        <v>6</v>
      </c>
      <c r="E130" s="8" t="s">
        <v>6</v>
      </c>
      <c r="F130" s="8" t="s">
        <v>6</v>
      </c>
      <c r="G130" s="9">
        <v>33</v>
      </c>
      <c r="H130" s="9">
        <v>16</v>
      </c>
      <c r="I130" s="9">
        <v>16</v>
      </c>
      <c r="J130" s="9">
        <v>12</v>
      </c>
      <c r="K130" s="9">
        <v>14</v>
      </c>
      <c r="L130" s="20">
        <v>10</v>
      </c>
      <c r="M130" s="20">
        <v>10</v>
      </c>
      <c r="N130" s="20">
        <v>8</v>
      </c>
      <c r="O130" s="20">
        <v>10</v>
      </c>
      <c r="P130" s="20">
        <v>5</v>
      </c>
      <c r="Q130" s="20">
        <v>1</v>
      </c>
    </row>
    <row r="131" spans="1:17" ht="21.75" customHeight="1" x14ac:dyDescent="0.15">
      <c r="A131" s="7" t="s">
        <v>7</v>
      </c>
      <c r="B131" s="8" t="s">
        <v>6</v>
      </c>
      <c r="C131" s="8" t="s">
        <v>6</v>
      </c>
      <c r="D131" s="8" t="s">
        <v>6</v>
      </c>
      <c r="E131" s="8" t="s">
        <v>6</v>
      </c>
      <c r="F131" s="8" t="s">
        <v>6</v>
      </c>
      <c r="G131" s="9">
        <v>25</v>
      </c>
      <c r="H131" s="9">
        <v>26</v>
      </c>
      <c r="I131" s="9">
        <v>17</v>
      </c>
      <c r="J131" s="9">
        <v>12</v>
      </c>
      <c r="K131" s="9">
        <v>10</v>
      </c>
      <c r="L131" s="20">
        <v>12</v>
      </c>
      <c r="M131" s="20">
        <v>13</v>
      </c>
      <c r="N131" s="20">
        <v>10</v>
      </c>
      <c r="O131" s="20">
        <v>10</v>
      </c>
      <c r="P131" s="20">
        <v>13</v>
      </c>
      <c r="Q131" s="20">
        <v>10</v>
      </c>
    </row>
    <row r="132" spans="1:17" ht="21.75" customHeight="1" x14ac:dyDescent="0.15">
      <c r="A132" s="7" t="s">
        <v>8</v>
      </c>
      <c r="B132" s="8" t="s">
        <v>6</v>
      </c>
      <c r="C132" s="8" t="s">
        <v>6</v>
      </c>
      <c r="D132" s="8" t="s">
        <v>6</v>
      </c>
      <c r="E132" s="8" t="s">
        <v>6</v>
      </c>
      <c r="F132" s="8" t="s">
        <v>6</v>
      </c>
      <c r="G132" s="9">
        <v>32</v>
      </c>
      <c r="H132" s="9">
        <v>25</v>
      </c>
      <c r="I132" s="9">
        <v>22</v>
      </c>
      <c r="J132" s="9">
        <v>20</v>
      </c>
      <c r="K132" s="9">
        <v>18</v>
      </c>
      <c r="L132" s="20">
        <v>15</v>
      </c>
      <c r="M132" s="20">
        <v>13</v>
      </c>
      <c r="N132" s="20">
        <v>14</v>
      </c>
      <c r="O132" s="20">
        <v>12</v>
      </c>
      <c r="P132" s="20">
        <v>11</v>
      </c>
      <c r="Q132" s="20">
        <v>12</v>
      </c>
    </row>
    <row r="133" spans="1:17" ht="21.75" customHeight="1" x14ac:dyDescent="0.15">
      <c r="A133" s="10" t="s">
        <v>9</v>
      </c>
      <c r="B133" s="11" t="s">
        <v>6</v>
      </c>
      <c r="C133" s="11" t="s">
        <v>6</v>
      </c>
      <c r="D133" s="11" t="s">
        <v>6</v>
      </c>
      <c r="E133" s="11" t="s">
        <v>6</v>
      </c>
      <c r="F133" s="11" t="s">
        <v>6</v>
      </c>
      <c r="G133" s="12">
        <v>37</v>
      </c>
      <c r="H133" s="12">
        <v>29</v>
      </c>
      <c r="I133" s="12">
        <v>21</v>
      </c>
      <c r="J133" s="12">
        <v>21</v>
      </c>
      <c r="K133" s="12">
        <v>22</v>
      </c>
      <c r="L133" s="21">
        <v>21</v>
      </c>
      <c r="M133" s="21">
        <v>23</v>
      </c>
      <c r="N133" s="21">
        <v>17</v>
      </c>
      <c r="O133" s="21">
        <v>18</v>
      </c>
      <c r="P133" s="21">
        <v>15</v>
      </c>
      <c r="Q133" s="21">
        <v>13</v>
      </c>
    </row>
    <row r="134" spans="1:17" ht="21.75" customHeight="1" x14ac:dyDescent="0.15">
      <c r="A134" s="10" t="s">
        <v>10</v>
      </c>
      <c r="B134" s="11" t="s">
        <v>6</v>
      </c>
      <c r="C134" s="11" t="s">
        <v>6</v>
      </c>
      <c r="D134" s="11" t="s">
        <v>6</v>
      </c>
      <c r="E134" s="11" t="s">
        <v>6</v>
      </c>
      <c r="F134" s="11" t="s">
        <v>6</v>
      </c>
      <c r="G134" s="12">
        <v>48</v>
      </c>
      <c r="H134" s="12">
        <v>33</v>
      </c>
      <c r="I134" s="12">
        <v>26</v>
      </c>
      <c r="J134" s="12">
        <v>13</v>
      </c>
      <c r="K134" s="12">
        <v>14</v>
      </c>
      <c r="L134" s="21">
        <v>16</v>
      </c>
      <c r="M134" s="21">
        <v>14</v>
      </c>
      <c r="N134" s="21">
        <v>18</v>
      </c>
      <c r="O134" s="21">
        <v>14</v>
      </c>
      <c r="P134" s="21">
        <v>17</v>
      </c>
      <c r="Q134" s="21">
        <v>18</v>
      </c>
    </row>
    <row r="135" spans="1:17" ht="21.75" customHeight="1" x14ac:dyDescent="0.15">
      <c r="A135" s="10" t="s">
        <v>11</v>
      </c>
      <c r="B135" s="11" t="s">
        <v>6</v>
      </c>
      <c r="C135" s="11" t="s">
        <v>6</v>
      </c>
      <c r="D135" s="11" t="s">
        <v>6</v>
      </c>
      <c r="E135" s="11" t="s">
        <v>6</v>
      </c>
      <c r="F135" s="11" t="s">
        <v>6</v>
      </c>
      <c r="G135" s="12">
        <v>36</v>
      </c>
      <c r="H135" s="12">
        <v>42</v>
      </c>
      <c r="I135" s="12">
        <v>28</v>
      </c>
      <c r="J135" s="12">
        <v>28</v>
      </c>
      <c r="K135" s="12">
        <v>21</v>
      </c>
      <c r="L135" s="21">
        <v>18</v>
      </c>
      <c r="M135" s="21">
        <v>15</v>
      </c>
      <c r="N135" s="21">
        <v>9</v>
      </c>
      <c r="O135" s="21">
        <v>6</v>
      </c>
      <c r="P135" s="21">
        <v>8</v>
      </c>
      <c r="Q135" s="21">
        <v>6</v>
      </c>
    </row>
    <row r="136" spans="1:17" ht="21.75" customHeight="1" x14ac:dyDescent="0.15">
      <c r="A136" s="10" t="s">
        <v>12</v>
      </c>
      <c r="B136" s="11" t="s">
        <v>6</v>
      </c>
      <c r="C136" s="11" t="s">
        <v>6</v>
      </c>
      <c r="D136" s="11" t="s">
        <v>6</v>
      </c>
      <c r="E136" s="11" t="s">
        <v>6</v>
      </c>
      <c r="F136" s="11" t="s">
        <v>6</v>
      </c>
      <c r="G136" s="12">
        <v>39</v>
      </c>
      <c r="H136" s="12">
        <v>30</v>
      </c>
      <c r="I136" s="12">
        <v>33</v>
      </c>
      <c r="J136" s="12">
        <v>23</v>
      </c>
      <c r="K136" s="12">
        <v>24</v>
      </c>
      <c r="L136" s="21">
        <v>25</v>
      </c>
      <c r="M136" s="21">
        <v>23</v>
      </c>
      <c r="N136" s="21">
        <v>16</v>
      </c>
      <c r="O136" s="21">
        <v>17</v>
      </c>
      <c r="P136" s="21">
        <v>11</v>
      </c>
      <c r="Q136" s="21">
        <v>6</v>
      </c>
    </row>
    <row r="137" spans="1:17" ht="21.75" customHeight="1" x14ac:dyDescent="0.15">
      <c r="A137" s="10" t="s">
        <v>13</v>
      </c>
      <c r="B137" s="11" t="s">
        <v>6</v>
      </c>
      <c r="C137" s="11" t="s">
        <v>6</v>
      </c>
      <c r="D137" s="11" t="s">
        <v>6</v>
      </c>
      <c r="E137" s="11" t="s">
        <v>6</v>
      </c>
      <c r="F137" s="11" t="s">
        <v>6</v>
      </c>
      <c r="G137" s="12">
        <v>30</v>
      </c>
      <c r="H137" s="12">
        <v>36</v>
      </c>
      <c r="I137" s="12">
        <v>19</v>
      </c>
      <c r="J137" s="12">
        <v>24</v>
      </c>
      <c r="K137" s="12">
        <v>23</v>
      </c>
      <c r="L137" s="21">
        <v>22</v>
      </c>
      <c r="M137" s="21">
        <v>18</v>
      </c>
      <c r="N137" s="21">
        <v>17</v>
      </c>
      <c r="O137" s="21">
        <v>20</v>
      </c>
      <c r="P137" s="21">
        <v>22</v>
      </c>
      <c r="Q137" s="21">
        <v>19</v>
      </c>
    </row>
    <row r="138" spans="1:17" ht="21.75" customHeight="1" x14ac:dyDescent="0.15">
      <c r="A138" s="10" t="s">
        <v>14</v>
      </c>
      <c r="B138" s="11" t="s">
        <v>6</v>
      </c>
      <c r="C138" s="11" t="s">
        <v>6</v>
      </c>
      <c r="D138" s="11" t="s">
        <v>6</v>
      </c>
      <c r="E138" s="11" t="s">
        <v>6</v>
      </c>
      <c r="F138" s="11" t="s">
        <v>6</v>
      </c>
      <c r="G138" s="12">
        <v>26</v>
      </c>
      <c r="H138" s="12">
        <v>30</v>
      </c>
      <c r="I138" s="12">
        <v>34</v>
      </c>
      <c r="J138" s="12">
        <v>25</v>
      </c>
      <c r="K138" s="12">
        <v>22</v>
      </c>
      <c r="L138" s="21">
        <v>17</v>
      </c>
      <c r="M138" s="21">
        <v>24</v>
      </c>
      <c r="N138" s="21">
        <v>26</v>
      </c>
      <c r="O138" s="21">
        <v>21</v>
      </c>
      <c r="P138" s="21">
        <v>22</v>
      </c>
      <c r="Q138" s="21">
        <v>21</v>
      </c>
    </row>
    <row r="139" spans="1:17" ht="21.75" customHeight="1" x14ac:dyDescent="0.15">
      <c r="A139" s="10" t="s">
        <v>15</v>
      </c>
      <c r="B139" s="11" t="s">
        <v>6</v>
      </c>
      <c r="C139" s="11" t="s">
        <v>6</v>
      </c>
      <c r="D139" s="11" t="s">
        <v>6</v>
      </c>
      <c r="E139" s="11" t="s">
        <v>6</v>
      </c>
      <c r="F139" s="11" t="s">
        <v>6</v>
      </c>
      <c r="G139" s="12">
        <v>41</v>
      </c>
      <c r="H139" s="12">
        <v>26</v>
      </c>
      <c r="I139" s="12">
        <v>28</v>
      </c>
      <c r="J139" s="12">
        <v>28</v>
      </c>
      <c r="K139" s="12">
        <v>27</v>
      </c>
      <c r="L139" s="21">
        <v>31</v>
      </c>
      <c r="M139" s="21">
        <v>25</v>
      </c>
      <c r="N139" s="21">
        <v>26</v>
      </c>
      <c r="O139" s="21">
        <v>24</v>
      </c>
      <c r="P139" s="21">
        <v>20</v>
      </c>
      <c r="Q139" s="21">
        <v>18</v>
      </c>
    </row>
    <row r="140" spans="1:17" ht="21.75" customHeight="1" x14ac:dyDescent="0.15">
      <c r="A140" s="10" t="s">
        <v>16</v>
      </c>
      <c r="B140" s="11" t="s">
        <v>6</v>
      </c>
      <c r="C140" s="11" t="s">
        <v>6</v>
      </c>
      <c r="D140" s="11" t="s">
        <v>6</v>
      </c>
      <c r="E140" s="11" t="s">
        <v>6</v>
      </c>
      <c r="F140" s="11" t="s">
        <v>6</v>
      </c>
      <c r="G140" s="12">
        <v>51</v>
      </c>
      <c r="H140" s="12">
        <v>38</v>
      </c>
      <c r="I140" s="12">
        <v>27</v>
      </c>
      <c r="J140" s="12">
        <v>30</v>
      </c>
      <c r="K140" s="12">
        <v>30</v>
      </c>
      <c r="L140" s="21">
        <v>28</v>
      </c>
      <c r="M140" s="21">
        <v>32</v>
      </c>
      <c r="N140" s="21">
        <v>24</v>
      </c>
      <c r="O140" s="21">
        <v>26</v>
      </c>
      <c r="P140" s="21">
        <v>25</v>
      </c>
      <c r="Q140" s="21">
        <v>28</v>
      </c>
    </row>
    <row r="141" spans="1:17" ht="21.75" customHeight="1" x14ac:dyDescent="0.15">
      <c r="A141" s="10" t="s">
        <v>17</v>
      </c>
      <c r="B141" s="11" t="s">
        <v>6</v>
      </c>
      <c r="C141" s="11" t="s">
        <v>6</v>
      </c>
      <c r="D141" s="11" t="s">
        <v>6</v>
      </c>
      <c r="E141" s="11" t="s">
        <v>6</v>
      </c>
      <c r="F141" s="11" t="s">
        <v>6</v>
      </c>
      <c r="G141" s="12">
        <v>47</v>
      </c>
      <c r="H141" s="12">
        <v>50</v>
      </c>
      <c r="I141" s="12">
        <v>40</v>
      </c>
      <c r="J141" s="12">
        <v>26</v>
      </c>
      <c r="K141" s="12">
        <v>25</v>
      </c>
      <c r="L141" s="21">
        <v>24</v>
      </c>
      <c r="M141" s="21">
        <v>23</v>
      </c>
      <c r="N141" s="21">
        <v>30</v>
      </c>
      <c r="O141" s="21">
        <v>29</v>
      </c>
      <c r="P141" s="21">
        <v>29</v>
      </c>
      <c r="Q141" s="21">
        <v>29</v>
      </c>
    </row>
    <row r="142" spans="1:17" ht="21.75" customHeight="1" x14ac:dyDescent="0.15">
      <c r="A142" s="10" t="s">
        <v>18</v>
      </c>
      <c r="B142" s="11" t="s">
        <v>6</v>
      </c>
      <c r="C142" s="11" t="s">
        <v>6</v>
      </c>
      <c r="D142" s="11" t="s">
        <v>6</v>
      </c>
      <c r="E142" s="11" t="s">
        <v>6</v>
      </c>
      <c r="F142" s="11" t="s">
        <v>6</v>
      </c>
      <c r="G142" s="12">
        <v>35</v>
      </c>
      <c r="H142" s="12">
        <v>46</v>
      </c>
      <c r="I142" s="12">
        <v>50</v>
      </c>
      <c r="J142" s="12">
        <v>45</v>
      </c>
      <c r="K142" s="12">
        <v>40</v>
      </c>
      <c r="L142" s="21">
        <v>40</v>
      </c>
      <c r="M142" s="21">
        <v>35</v>
      </c>
      <c r="N142" s="21">
        <v>32</v>
      </c>
      <c r="O142" s="21">
        <v>26</v>
      </c>
      <c r="P142" s="21">
        <v>24</v>
      </c>
      <c r="Q142" s="21">
        <v>23</v>
      </c>
    </row>
    <row r="143" spans="1:17" ht="21.75" customHeight="1" x14ac:dyDescent="0.15">
      <c r="A143" s="13" t="s">
        <v>19</v>
      </c>
      <c r="B143" s="14" t="s">
        <v>6</v>
      </c>
      <c r="C143" s="14" t="s">
        <v>6</v>
      </c>
      <c r="D143" s="14" t="s">
        <v>6</v>
      </c>
      <c r="E143" s="14" t="s">
        <v>6</v>
      </c>
      <c r="F143" s="14" t="s">
        <v>6</v>
      </c>
      <c r="G143" s="15">
        <v>24</v>
      </c>
      <c r="H143" s="15">
        <v>33</v>
      </c>
      <c r="I143" s="15">
        <v>41</v>
      </c>
      <c r="J143" s="15">
        <v>48</v>
      </c>
      <c r="K143" s="15">
        <v>51</v>
      </c>
      <c r="L143" s="22">
        <v>48</v>
      </c>
      <c r="M143" s="22">
        <v>49</v>
      </c>
      <c r="N143" s="22">
        <v>42</v>
      </c>
      <c r="O143" s="22">
        <v>47</v>
      </c>
      <c r="P143" s="22">
        <v>40</v>
      </c>
      <c r="Q143" s="22">
        <v>39</v>
      </c>
    </row>
    <row r="144" spans="1:17" ht="21.75" customHeight="1" x14ac:dyDescent="0.15">
      <c r="A144" s="13" t="s">
        <v>20</v>
      </c>
      <c r="B144" s="14" t="s">
        <v>6</v>
      </c>
      <c r="C144" s="14" t="s">
        <v>6</v>
      </c>
      <c r="D144" s="14" t="s">
        <v>6</v>
      </c>
      <c r="E144" s="14" t="s">
        <v>6</v>
      </c>
      <c r="F144" s="14" t="s">
        <v>6</v>
      </c>
      <c r="G144" s="15">
        <v>50</v>
      </c>
      <c r="H144" s="15">
        <v>23</v>
      </c>
      <c r="I144" s="15">
        <v>34</v>
      </c>
      <c r="J144" s="15">
        <v>34</v>
      </c>
      <c r="K144" s="15">
        <v>34</v>
      </c>
      <c r="L144" s="22">
        <v>41</v>
      </c>
      <c r="M144" s="22">
        <v>41</v>
      </c>
      <c r="N144" s="22">
        <v>50</v>
      </c>
      <c r="O144" s="22">
        <v>48</v>
      </c>
      <c r="P144" s="22">
        <v>50</v>
      </c>
      <c r="Q144" s="22">
        <v>46</v>
      </c>
    </row>
    <row r="145" spans="1:17" ht="21.75" customHeight="1" x14ac:dyDescent="0.15">
      <c r="A145" s="13" t="s">
        <v>21</v>
      </c>
      <c r="B145" s="14" t="s">
        <v>6</v>
      </c>
      <c r="C145" s="14" t="s">
        <v>6</v>
      </c>
      <c r="D145" s="14" t="s">
        <v>6</v>
      </c>
      <c r="E145" s="14" t="s">
        <v>6</v>
      </c>
      <c r="F145" s="14" t="s">
        <v>6</v>
      </c>
      <c r="G145" s="15">
        <v>44</v>
      </c>
      <c r="H145" s="15">
        <v>46</v>
      </c>
      <c r="I145" s="15">
        <v>23</v>
      </c>
      <c r="J145" s="15">
        <v>32</v>
      </c>
      <c r="K145" s="15">
        <v>34</v>
      </c>
      <c r="L145" s="22">
        <v>32</v>
      </c>
      <c r="M145" s="22">
        <v>30</v>
      </c>
      <c r="N145" s="22">
        <v>25</v>
      </c>
      <c r="O145" s="22">
        <v>31</v>
      </c>
      <c r="P145" s="22">
        <v>31</v>
      </c>
      <c r="Q145" s="22">
        <v>39</v>
      </c>
    </row>
    <row r="146" spans="1:17" ht="21.75" customHeight="1" x14ac:dyDescent="0.15">
      <c r="A146" s="13" t="s">
        <v>22</v>
      </c>
      <c r="B146" s="14" t="s">
        <v>6</v>
      </c>
      <c r="C146" s="14" t="s">
        <v>6</v>
      </c>
      <c r="D146" s="14" t="s">
        <v>6</v>
      </c>
      <c r="E146" s="14" t="s">
        <v>6</v>
      </c>
      <c r="F146" s="14" t="s">
        <v>6</v>
      </c>
      <c r="G146" s="15">
        <v>30</v>
      </c>
      <c r="H146" s="15">
        <v>38</v>
      </c>
      <c r="I146" s="15">
        <v>46</v>
      </c>
      <c r="J146" s="15">
        <v>32</v>
      </c>
      <c r="K146" s="15">
        <v>25</v>
      </c>
      <c r="L146" s="22">
        <v>18</v>
      </c>
      <c r="M146" s="22">
        <v>23</v>
      </c>
      <c r="N146" s="22">
        <v>26</v>
      </c>
      <c r="O146" s="22">
        <v>29</v>
      </c>
      <c r="P146" s="22">
        <v>33</v>
      </c>
      <c r="Q146" s="22">
        <v>30</v>
      </c>
    </row>
    <row r="147" spans="1:17" ht="21.75" customHeight="1" x14ac:dyDescent="0.15">
      <c r="A147" s="13" t="s">
        <v>23</v>
      </c>
      <c r="B147" s="14" t="s">
        <v>6</v>
      </c>
      <c r="C147" s="14" t="s">
        <v>6</v>
      </c>
      <c r="D147" s="14" t="s">
        <v>6</v>
      </c>
      <c r="E147" s="14" t="s">
        <v>6</v>
      </c>
      <c r="F147" s="14" t="s">
        <v>6</v>
      </c>
      <c r="G147" s="15">
        <v>15</v>
      </c>
      <c r="H147" s="15">
        <v>21</v>
      </c>
      <c r="I147" s="15">
        <v>30</v>
      </c>
      <c r="J147" s="15">
        <v>27</v>
      </c>
      <c r="K147" s="15">
        <v>29</v>
      </c>
      <c r="L147" s="22">
        <v>37</v>
      </c>
      <c r="M147" s="22">
        <v>32</v>
      </c>
      <c r="N147" s="22">
        <v>26</v>
      </c>
      <c r="O147" s="22">
        <v>25</v>
      </c>
      <c r="P147" s="22">
        <v>20</v>
      </c>
      <c r="Q147" s="22">
        <v>14</v>
      </c>
    </row>
    <row r="148" spans="1:17" ht="21.75" customHeight="1" x14ac:dyDescent="0.15">
      <c r="A148" s="13" t="s">
        <v>24</v>
      </c>
      <c r="B148" s="14" t="s">
        <v>6</v>
      </c>
      <c r="C148" s="14" t="s">
        <v>6</v>
      </c>
      <c r="D148" s="14" t="s">
        <v>6</v>
      </c>
      <c r="E148" s="14" t="s">
        <v>6</v>
      </c>
      <c r="F148" s="14" t="s">
        <v>6</v>
      </c>
      <c r="G148" s="15">
        <v>7</v>
      </c>
      <c r="H148" s="15">
        <v>8</v>
      </c>
      <c r="I148" s="15">
        <v>13</v>
      </c>
      <c r="J148" s="15">
        <v>18</v>
      </c>
      <c r="K148" s="15">
        <v>19</v>
      </c>
      <c r="L148" s="22">
        <v>17</v>
      </c>
      <c r="M148" s="22">
        <v>17</v>
      </c>
      <c r="N148" s="22">
        <v>22</v>
      </c>
      <c r="O148" s="22">
        <v>18</v>
      </c>
      <c r="P148" s="22">
        <v>16</v>
      </c>
      <c r="Q148" s="22">
        <v>19</v>
      </c>
    </row>
    <row r="149" spans="1:17" ht="21.75" customHeight="1" x14ac:dyDescent="0.15">
      <c r="A149" s="13" t="s">
        <v>25</v>
      </c>
      <c r="B149" s="14" t="s">
        <v>6</v>
      </c>
      <c r="C149" s="14" t="s">
        <v>6</v>
      </c>
      <c r="D149" s="14" t="s">
        <v>6</v>
      </c>
      <c r="E149" s="14" t="s">
        <v>6</v>
      </c>
      <c r="F149" s="14" t="s">
        <v>6</v>
      </c>
      <c r="G149" s="15">
        <v>2</v>
      </c>
      <c r="H149" s="15">
        <v>2</v>
      </c>
      <c r="I149" s="15">
        <v>1</v>
      </c>
      <c r="J149" s="15">
        <v>3</v>
      </c>
      <c r="K149" s="15">
        <v>5</v>
      </c>
      <c r="L149" s="22">
        <v>6</v>
      </c>
      <c r="M149" s="22">
        <v>4</v>
      </c>
      <c r="N149" s="22">
        <v>4</v>
      </c>
      <c r="O149" s="22">
        <v>7</v>
      </c>
      <c r="P149" s="22">
        <v>8</v>
      </c>
      <c r="Q149" s="22">
        <v>7</v>
      </c>
    </row>
    <row r="150" spans="1:17" ht="21.75" customHeight="1" x14ac:dyDescent="0.15">
      <c r="A150" s="13" t="s">
        <v>26</v>
      </c>
      <c r="B150" s="14" t="s">
        <v>6</v>
      </c>
      <c r="C150" s="14" t="s">
        <v>6</v>
      </c>
      <c r="D150" s="14" t="s">
        <v>6</v>
      </c>
      <c r="E150" s="14" t="s">
        <v>6</v>
      </c>
      <c r="F150" s="14" t="s">
        <v>6</v>
      </c>
      <c r="G150" s="15">
        <v>0</v>
      </c>
      <c r="H150" s="15">
        <v>0</v>
      </c>
      <c r="I150" s="15">
        <v>0</v>
      </c>
      <c r="J150" s="15">
        <v>0</v>
      </c>
      <c r="K150" s="15">
        <v>0</v>
      </c>
      <c r="L150" s="22">
        <v>0</v>
      </c>
      <c r="M150" s="22">
        <v>0</v>
      </c>
      <c r="N150" s="22">
        <v>1</v>
      </c>
      <c r="O150" s="22">
        <v>1</v>
      </c>
      <c r="P150" s="22">
        <v>1</v>
      </c>
      <c r="Q150" s="22">
        <v>0</v>
      </c>
    </row>
    <row r="151" spans="1:17" ht="21.75" customHeight="1" x14ac:dyDescent="0.15">
      <c r="A151" s="6" t="s">
        <v>40</v>
      </c>
      <c r="B151" s="16" t="s">
        <v>6</v>
      </c>
      <c r="C151" s="16" t="s">
        <v>6</v>
      </c>
      <c r="D151" s="16" t="s">
        <v>6</v>
      </c>
      <c r="E151" s="16" t="s">
        <v>6</v>
      </c>
      <c r="F151" s="16" t="s">
        <v>6</v>
      </c>
      <c r="G151" s="17">
        <v>652</v>
      </c>
      <c r="H151" s="17">
        <v>598</v>
      </c>
      <c r="I151" s="17">
        <v>549</v>
      </c>
      <c r="J151" s="17">
        <v>501</v>
      </c>
      <c r="K151" s="17">
        <v>487</v>
      </c>
      <c r="L151" s="17">
        <v>478</v>
      </c>
      <c r="M151" s="17">
        <v>464</v>
      </c>
      <c r="N151" s="17">
        <v>443</v>
      </c>
      <c r="O151" s="17">
        <v>439</v>
      </c>
      <c r="P151" s="17">
        <v>421</v>
      </c>
      <c r="Q151" s="17">
        <v>398</v>
      </c>
    </row>
    <row r="152" spans="1:17" ht="21.75" customHeight="1" x14ac:dyDescent="0.15">
      <c r="A152" s="4"/>
      <c r="B152" s="4"/>
      <c r="C152" s="4"/>
      <c r="D152" s="4"/>
      <c r="E152" s="4"/>
      <c r="F152" s="4"/>
      <c r="G152" s="4"/>
      <c r="H152" s="4"/>
      <c r="I152" s="4"/>
      <c r="J152" s="4"/>
      <c r="K152" s="4"/>
      <c r="L152" s="4"/>
    </row>
    <row r="153" spans="1:17" ht="21.75" customHeight="1" x14ac:dyDescent="0.2">
      <c r="A153" s="4"/>
      <c r="B153" s="4"/>
      <c r="C153" s="4"/>
      <c r="D153" s="4"/>
      <c r="E153" s="4"/>
      <c r="F153" s="4"/>
      <c r="G153" s="4"/>
      <c r="H153" s="4"/>
      <c r="I153" s="4"/>
      <c r="J153" s="4"/>
      <c r="K153" s="4"/>
      <c r="L153" s="4"/>
      <c r="O153" s="18"/>
      <c r="P153" s="18"/>
      <c r="Q153" s="18"/>
    </row>
    <row r="154" spans="1:17" s="3" customFormat="1" ht="21.75" customHeight="1" x14ac:dyDescent="0.15">
      <c r="A154" s="3" t="s">
        <v>28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15">
      <c r="A155" s="6" t="s">
        <v>1</v>
      </c>
      <c r="B155" s="6" t="s">
        <v>2</v>
      </c>
      <c r="C155" s="6">
        <v>60</v>
      </c>
      <c r="D155" s="6" t="s">
        <v>3</v>
      </c>
      <c r="E155" s="6">
        <v>7</v>
      </c>
      <c r="F155" s="6">
        <v>12</v>
      </c>
      <c r="G155" s="6">
        <v>17</v>
      </c>
      <c r="H155" s="6">
        <v>22</v>
      </c>
      <c r="I155" s="6">
        <v>27</v>
      </c>
      <c r="J155" s="6">
        <v>30</v>
      </c>
      <c r="K155" s="6" t="s">
        <v>4</v>
      </c>
      <c r="L155" s="6">
        <v>2</v>
      </c>
      <c r="M155" s="6">
        <v>3</v>
      </c>
      <c r="N155" s="6">
        <v>4</v>
      </c>
      <c r="O155" s="6">
        <v>5</v>
      </c>
      <c r="P155" s="6">
        <v>6</v>
      </c>
      <c r="Q155" s="6">
        <v>7</v>
      </c>
    </row>
    <row r="156" spans="1:17" ht="21.75" customHeight="1" x14ac:dyDescent="0.15">
      <c r="A156" s="7" t="s">
        <v>29</v>
      </c>
      <c r="B156" s="8" t="s">
        <v>6</v>
      </c>
      <c r="C156" s="8" t="s">
        <v>6</v>
      </c>
      <c r="D156" s="8" t="s">
        <v>6</v>
      </c>
      <c r="E156" s="8" t="s">
        <v>6</v>
      </c>
      <c r="F156" s="8" t="s">
        <v>6</v>
      </c>
      <c r="G156" s="9">
        <v>90</v>
      </c>
      <c r="H156" s="9">
        <v>67</v>
      </c>
      <c r="I156" s="9">
        <v>55</v>
      </c>
      <c r="J156" s="9">
        <v>44</v>
      </c>
      <c r="K156" s="9">
        <v>42</v>
      </c>
      <c r="L156" s="9">
        <v>37</v>
      </c>
      <c r="M156" s="9">
        <v>36</v>
      </c>
      <c r="N156" s="9">
        <v>32</v>
      </c>
      <c r="O156" s="9">
        <v>32</v>
      </c>
      <c r="P156" s="9">
        <v>29</v>
      </c>
      <c r="Q156" s="9">
        <v>23</v>
      </c>
    </row>
    <row r="157" spans="1:17" ht="21.75" customHeight="1" x14ac:dyDescent="0.15">
      <c r="A157" s="10" t="s">
        <v>30</v>
      </c>
      <c r="B157" s="11" t="s">
        <v>6</v>
      </c>
      <c r="C157" s="11" t="s">
        <v>6</v>
      </c>
      <c r="D157" s="11" t="s">
        <v>6</v>
      </c>
      <c r="E157" s="11" t="s">
        <v>6</v>
      </c>
      <c r="F157" s="11" t="s">
        <v>6</v>
      </c>
      <c r="G157" s="12">
        <v>390</v>
      </c>
      <c r="H157" s="12">
        <v>360</v>
      </c>
      <c r="I157" s="12">
        <v>306</v>
      </c>
      <c r="J157" s="12">
        <v>263</v>
      </c>
      <c r="K157" s="12">
        <v>248</v>
      </c>
      <c r="L157" s="12">
        <v>242</v>
      </c>
      <c r="M157" s="12">
        <v>232</v>
      </c>
      <c r="N157" s="12">
        <v>215</v>
      </c>
      <c r="O157" s="12">
        <v>201</v>
      </c>
      <c r="P157" s="12">
        <v>193</v>
      </c>
      <c r="Q157" s="12">
        <v>181</v>
      </c>
    </row>
    <row r="158" spans="1:17" ht="21.75" customHeight="1" x14ac:dyDescent="0.15">
      <c r="A158" s="13" t="s">
        <v>31</v>
      </c>
      <c r="B158" s="14" t="s">
        <v>6</v>
      </c>
      <c r="C158" s="14" t="s">
        <v>6</v>
      </c>
      <c r="D158" s="14" t="s">
        <v>6</v>
      </c>
      <c r="E158" s="14" t="s">
        <v>6</v>
      </c>
      <c r="F158" s="14" t="s">
        <v>6</v>
      </c>
      <c r="G158" s="15">
        <v>172</v>
      </c>
      <c r="H158" s="15">
        <v>171</v>
      </c>
      <c r="I158" s="15">
        <v>188</v>
      </c>
      <c r="J158" s="15">
        <v>194</v>
      </c>
      <c r="K158" s="15">
        <v>197</v>
      </c>
      <c r="L158" s="15">
        <v>199</v>
      </c>
      <c r="M158" s="15">
        <v>196</v>
      </c>
      <c r="N158" s="15">
        <v>196</v>
      </c>
      <c r="O158" s="15">
        <v>206</v>
      </c>
      <c r="P158" s="15">
        <v>199</v>
      </c>
      <c r="Q158" s="15">
        <v>194</v>
      </c>
    </row>
    <row r="159" spans="1:17" ht="21.75" customHeight="1" x14ac:dyDescent="0.15">
      <c r="A159" s="6" t="s">
        <v>32</v>
      </c>
      <c r="B159" s="16" t="s">
        <v>6</v>
      </c>
      <c r="C159" s="16" t="s">
        <v>6</v>
      </c>
      <c r="D159" s="16" t="s">
        <v>6</v>
      </c>
      <c r="E159" s="16" t="s">
        <v>6</v>
      </c>
      <c r="F159" s="16" t="s">
        <v>6</v>
      </c>
      <c r="G159" s="17">
        <v>652</v>
      </c>
      <c r="H159" s="17">
        <v>598</v>
      </c>
      <c r="I159" s="17">
        <v>549</v>
      </c>
      <c r="J159" s="17">
        <v>501</v>
      </c>
      <c r="K159" s="17">
        <v>487</v>
      </c>
      <c r="L159" s="17">
        <v>478</v>
      </c>
      <c r="M159" s="17">
        <v>464</v>
      </c>
      <c r="N159" s="17">
        <v>443</v>
      </c>
      <c r="O159" s="17">
        <v>439</v>
      </c>
      <c r="P159" s="17">
        <v>421</v>
      </c>
      <c r="Q159" s="17">
        <v>398</v>
      </c>
    </row>
    <row r="160" spans="1:17" s="5" customFormat="1" ht="21.75" customHeight="1" x14ac:dyDescent="0.15">
      <c r="A160" s="24"/>
      <c r="B160" s="25"/>
      <c r="C160" s="25"/>
      <c r="D160" s="25"/>
      <c r="E160" s="25"/>
      <c r="F160" s="25"/>
      <c r="G160" s="25"/>
      <c r="H160" s="25"/>
      <c r="I160" s="25"/>
      <c r="J160" s="25"/>
      <c r="K160" s="25"/>
      <c r="L160" s="25"/>
      <c r="M160" s="25"/>
      <c r="N160" s="25"/>
      <c r="O160" s="25"/>
      <c r="P160" s="26"/>
      <c r="Q160" s="26"/>
    </row>
    <row r="161" spans="1:21" s="5" customFormat="1" ht="21.75" customHeight="1" x14ac:dyDescent="0.15">
      <c r="A161" s="27"/>
      <c r="B161" s="26"/>
      <c r="C161" s="26"/>
      <c r="D161" s="26"/>
      <c r="E161" s="26"/>
      <c r="F161" s="26"/>
      <c r="G161" s="26"/>
      <c r="H161" s="26"/>
      <c r="I161" s="26"/>
      <c r="J161" s="26"/>
      <c r="K161" s="26"/>
      <c r="L161" s="26"/>
      <c r="M161" s="26"/>
      <c r="N161" s="26"/>
      <c r="O161" s="26"/>
      <c r="P161" s="26"/>
      <c r="Q161" s="26"/>
    </row>
    <row r="162" spans="1:21" s="3" customFormat="1" ht="21.75" customHeight="1" x14ac:dyDescent="0.15">
      <c r="A162" s="28" t="s">
        <v>33</v>
      </c>
      <c r="B162" s="29"/>
      <c r="C162" s="29"/>
      <c r="D162" s="29"/>
      <c r="E162" s="29"/>
      <c r="F162" s="29"/>
      <c r="G162" s="29"/>
      <c r="H162" s="29"/>
      <c r="I162" s="29"/>
      <c r="J162" s="29"/>
      <c r="K162" s="29"/>
      <c r="L162" s="29"/>
      <c r="M162" s="29"/>
      <c r="N162" s="29"/>
      <c r="O162" s="29"/>
      <c r="P162" s="30"/>
      <c r="Q162" s="30"/>
    </row>
    <row r="163" spans="1:21" s="5" customFormat="1" ht="21.75" customHeight="1" x14ac:dyDescent="0.15">
      <c r="A163" s="6" t="s">
        <v>1</v>
      </c>
      <c r="B163" s="6" t="s">
        <v>2</v>
      </c>
      <c r="C163" s="6">
        <v>60</v>
      </c>
      <c r="D163" s="6" t="s">
        <v>3</v>
      </c>
      <c r="E163" s="6">
        <v>7</v>
      </c>
      <c r="F163" s="6">
        <v>12</v>
      </c>
      <c r="G163" s="6">
        <v>17</v>
      </c>
      <c r="H163" s="6">
        <v>22</v>
      </c>
      <c r="I163" s="6">
        <v>27</v>
      </c>
      <c r="J163" s="6">
        <v>30</v>
      </c>
      <c r="K163" s="6" t="s">
        <v>4</v>
      </c>
      <c r="L163" s="6">
        <v>2</v>
      </c>
      <c r="M163" s="6">
        <v>3</v>
      </c>
      <c r="N163" s="6">
        <v>4</v>
      </c>
      <c r="O163" s="6">
        <v>5</v>
      </c>
      <c r="P163" s="6">
        <v>6</v>
      </c>
      <c r="Q163" s="6">
        <v>7</v>
      </c>
    </row>
    <row r="164" spans="1:21" ht="21.75" customHeight="1" x14ac:dyDescent="0.15">
      <c r="A164" s="7" t="s">
        <v>29</v>
      </c>
      <c r="B164" s="31" t="s">
        <v>6</v>
      </c>
      <c r="C164" s="31" t="s">
        <v>6</v>
      </c>
      <c r="D164" s="31" t="s">
        <v>6</v>
      </c>
      <c r="E164" s="31" t="s">
        <v>6</v>
      </c>
      <c r="F164" s="31" t="s">
        <v>6</v>
      </c>
      <c r="G164" s="42">
        <v>13.8</v>
      </c>
      <c r="H164" s="42">
        <v>11.2</v>
      </c>
      <c r="I164" s="42">
        <v>10</v>
      </c>
      <c r="J164" s="42">
        <v>8.8000000000000007</v>
      </c>
      <c r="K164" s="42">
        <v>8.6</v>
      </c>
      <c r="L164" s="42">
        <v>7.7</v>
      </c>
      <c r="M164" s="42">
        <v>7.8</v>
      </c>
      <c r="N164" s="42">
        <v>7.2</v>
      </c>
      <c r="O164" s="42">
        <v>7.3</v>
      </c>
      <c r="P164" s="42">
        <v>6.9</v>
      </c>
      <c r="Q164" s="42">
        <v>5.8</v>
      </c>
    </row>
    <row r="165" spans="1:21" ht="21.75" customHeight="1" x14ac:dyDescent="0.15">
      <c r="A165" s="10" t="s">
        <v>30</v>
      </c>
      <c r="B165" s="33" t="s">
        <v>6</v>
      </c>
      <c r="C165" s="33" t="s">
        <v>6</v>
      </c>
      <c r="D165" s="33" t="s">
        <v>6</v>
      </c>
      <c r="E165" s="33" t="s">
        <v>6</v>
      </c>
      <c r="F165" s="33" t="s">
        <v>6</v>
      </c>
      <c r="G165" s="43">
        <v>59.8</v>
      </c>
      <c r="H165" s="43">
        <v>60.2</v>
      </c>
      <c r="I165" s="43">
        <v>55.7</v>
      </c>
      <c r="J165" s="43">
        <v>52.5</v>
      </c>
      <c r="K165" s="43">
        <v>50.9</v>
      </c>
      <c r="L165" s="43">
        <v>50.6</v>
      </c>
      <c r="M165" s="43">
        <v>50</v>
      </c>
      <c r="N165" s="43">
        <v>48.5</v>
      </c>
      <c r="O165" s="43">
        <v>45.8</v>
      </c>
      <c r="P165" s="43">
        <v>45.8</v>
      </c>
      <c r="Q165" s="43">
        <v>45.5</v>
      </c>
    </row>
    <row r="166" spans="1:21" ht="21.75" customHeight="1" x14ac:dyDescent="0.15">
      <c r="A166" s="13" t="s">
        <v>31</v>
      </c>
      <c r="B166" s="35" t="s">
        <v>6</v>
      </c>
      <c r="C166" s="35" t="s">
        <v>6</v>
      </c>
      <c r="D166" s="35" t="s">
        <v>6</v>
      </c>
      <c r="E166" s="35" t="s">
        <v>6</v>
      </c>
      <c r="F166" s="35" t="s">
        <v>6</v>
      </c>
      <c r="G166" s="44">
        <v>26.4</v>
      </c>
      <c r="H166" s="44">
        <v>28.6</v>
      </c>
      <c r="I166" s="44">
        <v>34.200000000000003</v>
      </c>
      <c r="J166" s="44">
        <v>38.700000000000003</v>
      </c>
      <c r="K166" s="44">
        <v>40.5</v>
      </c>
      <c r="L166" s="44">
        <v>41.6</v>
      </c>
      <c r="M166" s="44">
        <v>42.2</v>
      </c>
      <c r="N166" s="44">
        <v>44.2</v>
      </c>
      <c r="O166" s="44">
        <v>46.9</v>
      </c>
      <c r="P166" s="44">
        <v>47.3</v>
      </c>
      <c r="Q166" s="44">
        <v>48.7</v>
      </c>
    </row>
    <row r="167" spans="1:21" ht="21.75" customHeight="1" x14ac:dyDescent="0.15">
      <c r="A167" s="37" t="s">
        <v>34</v>
      </c>
      <c r="B167" s="4"/>
      <c r="C167" s="4"/>
      <c r="D167" s="4"/>
      <c r="E167" s="4"/>
      <c r="F167" s="4"/>
      <c r="G167" s="4"/>
      <c r="H167" s="4"/>
      <c r="I167" s="4"/>
      <c r="J167" s="4"/>
      <c r="K167" s="4"/>
      <c r="L167" s="4"/>
      <c r="M167" s="4"/>
      <c r="N167" s="4"/>
      <c r="O167" s="5"/>
      <c r="P167" s="5"/>
      <c r="Q167" s="5"/>
      <c r="R167" s="5"/>
      <c r="S167" s="5"/>
      <c r="T167" s="5"/>
    </row>
    <row r="168" spans="1:21" ht="23.25" customHeight="1" x14ac:dyDescent="0.15">
      <c r="A168" s="39"/>
      <c r="B168" s="39"/>
      <c r="C168" s="39"/>
      <c r="D168" s="39"/>
      <c r="E168" s="39"/>
      <c r="F168" s="39"/>
      <c r="G168" s="39"/>
      <c r="H168" s="39"/>
      <c r="I168" s="39"/>
      <c r="J168" s="39"/>
      <c r="K168" s="39"/>
      <c r="L168" s="39"/>
      <c r="M168" s="39"/>
      <c r="N168" s="39"/>
      <c r="O168" s="39"/>
      <c r="P168" s="39"/>
      <c r="Q168" s="39"/>
      <c r="R168" s="39"/>
      <c r="S168" s="39"/>
      <c r="T168" s="39"/>
    </row>
    <row r="169" spans="1:21" ht="23.25" customHeight="1" x14ac:dyDescent="0.15">
      <c r="S169" s="53"/>
      <c r="T169" s="53"/>
      <c r="U169" s="53"/>
    </row>
    <row r="170" spans="1:21" ht="23.25" customHeight="1" x14ac:dyDescent="0.15">
      <c r="S170" s="53"/>
      <c r="T170" s="53"/>
      <c r="U170" s="53"/>
    </row>
    <row r="171" spans="1:21" ht="23.25" customHeight="1" x14ac:dyDescent="0.15">
      <c r="S171" s="53"/>
      <c r="T171" s="53"/>
      <c r="U171" s="53"/>
    </row>
    <row r="172" spans="1:21" ht="23.25" customHeight="1" x14ac:dyDescent="0.15">
      <c r="S172" s="53"/>
      <c r="T172" s="53"/>
      <c r="U172" s="53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E9FD5E-6964-4552-8C73-BE648E590A4B}">
  <sheetPr codeName="Sheet88"/>
  <dimension ref="A1:U168"/>
  <sheetViews>
    <sheetView zoomScale="55" zoomScaleNormal="55" zoomScaleSheetLayoutView="55" workbookViewId="0"/>
  </sheetViews>
  <sheetFormatPr defaultColWidth="8.875" defaultRowHeight="23.25" customHeight="1" x14ac:dyDescent="0.15"/>
  <cols>
    <col min="1" max="1" width="14.625" style="2" customWidth="1"/>
    <col min="2" max="17" width="13.75" style="2" customWidth="1"/>
    <col min="18" max="18" width="13.625" style="2" customWidth="1"/>
    <col min="19" max="16384" width="8.875" style="2"/>
  </cols>
  <sheetData>
    <row r="1" spans="1:20" ht="23.25" customHeight="1" x14ac:dyDescent="0.15">
      <c r="A1" s="1"/>
    </row>
    <row r="3" spans="1:20" ht="23.25" customHeight="1" x14ac:dyDescent="0.15">
      <c r="A3" s="3" t="s">
        <v>44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5"/>
      <c r="P3" s="5"/>
      <c r="Q3" s="5"/>
      <c r="R3" s="5"/>
      <c r="S3" s="5"/>
      <c r="T3" s="5"/>
    </row>
    <row r="4" spans="1:20" ht="23.25" customHeight="1" x14ac:dyDescent="0.15">
      <c r="A4" s="6" t="s">
        <v>1</v>
      </c>
      <c r="B4" s="6" t="s">
        <v>2</v>
      </c>
      <c r="C4" s="6">
        <v>60</v>
      </c>
      <c r="D4" s="6" t="s">
        <v>3</v>
      </c>
      <c r="E4" s="6">
        <v>7</v>
      </c>
      <c r="F4" s="6">
        <v>12</v>
      </c>
      <c r="G4" s="6">
        <v>17</v>
      </c>
      <c r="H4" s="6">
        <v>22</v>
      </c>
      <c r="I4" s="6">
        <v>27</v>
      </c>
      <c r="J4" s="6">
        <v>30</v>
      </c>
      <c r="K4" s="6" t="s">
        <v>4</v>
      </c>
      <c r="L4" s="6">
        <v>2</v>
      </c>
      <c r="M4" s="6">
        <v>3</v>
      </c>
      <c r="N4" s="6">
        <v>4</v>
      </c>
      <c r="O4" s="6">
        <v>5</v>
      </c>
      <c r="P4" s="6">
        <v>6</v>
      </c>
      <c r="Q4" s="6">
        <v>7</v>
      </c>
    </row>
    <row r="5" spans="1:20" ht="23.25" customHeight="1" x14ac:dyDescent="0.15">
      <c r="A5" s="7" t="s">
        <v>5</v>
      </c>
      <c r="B5" s="8" t="s">
        <v>6</v>
      </c>
      <c r="C5" s="8" t="s">
        <v>6</v>
      </c>
      <c r="D5" s="8" t="s">
        <v>6</v>
      </c>
      <c r="E5" s="8" t="s">
        <v>6</v>
      </c>
      <c r="F5" s="8" t="s">
        <v>6</v>
      </c>
      <c r="G5" s="9">
        <v>3</v>
      </c>
      <c r="H5" s="9">
        <v>8</v>
      </c>
      <c r="I5" s="9">
        <v>9</v>
      </c>
      <c r="J5" s="9" t="s">
        <v>61</v>
      </c>
      <c r="K5" s="9" t="s">
        <v>61</v>
      </c>
      <c r="L5" s="9" t="s">
        <v>61</v>
      </c>
      <c r="M5" s="9" t="s">
        <v>61</v>
      </c>
      <c r="N5" s="9" t="s">
        <v>61</v>
      </c>
      <c r="O5" s="9" t="s">
        <v>61</v>
      </c>
      <c r="P5" s="9" t="s">
        <v>61</v>
      </c>
      <c r="Q5" s="9" t="s">
        <v>61</v>
      </c>
    </row>
    <row r="6" spans="1:20" ht="23.25" customHeight="1" x14ac:dyDescent="0.15">
      <c r="A6" s="7" t="s">
        <v>7</v>
      </c>
      <c r="B6" s="8" t="s">
        <v>6</v>
      </c>
      <c r="C6" s="8" t="s">
        <v>6</v>
      </c>
      <c r="D6" s="8" t="s">
        <v>6</v>
      </c>
      <c r="E6" s="8" t="s">
        <v>6</v>
      </c>
      <c r="F6" s="8" t="s">
        <v>6</v>
      </c>
      <c r="G6" s="9">
        <v>1</v>
      </c>
      <c r="H6" s="9">
        <v>6</v>
      </c>
      <c r="I6" s="9">
        <v>8</v>
      </c>
      <c r="J6" s="9" t="s">
        <v>61</v>
      </c>
      <c r="K6" s="9" t="s">
        <v>61</v>
      </c>
      <c r="L6" s="9" t="s">
        <v>61</v>
      </c>
      <c r="M6" s="9" t="s">
        <v>61</v>
      </c>
      <c r="N6" s="9" t="s">
        <v>61</v>
      </c>
      <c r="O6" s="9" t="s">
        <v>61</v>
      </c>
      <c r="P6" s="9" t="s">
        <v>61</v>
      </c>
      <c r="Q6" s="9" t="s">
        <v>61</v>
      </c>
    </row>
    <row r="7" spans="1:20" ht="23.25" customHeight="1" x14ac:dyDescent="0.15">
      <c r="A7" s="7" t="s">
        <v>8</v>
      </c>
      <c r="B7" s="8" t="s">
        <v>6</v>
      </c>
      <c r="C7" s="8" t="s">
        <v>6</v>
      </c>
      <c r="D7" s="8" t="s">
        <v>6</v>
      </c>
      <c r="E7" s="8" t="s">
        <v>6</v>
      </c>
      <c r="F7" s="8" t="s">
        <v>6</v>
      </c>
      <c r="G7" s="9">
        <v>9</v>
      </c>
      <c r="H7" s="9">
        <v>1</v>
      </c>
      <c r="I7" s="9">
        <v>4</v>
      </c>
      <c r="J7" s="9" t="s">
        <v>61</v>
      </c>
      <c r="K7" s="9" t="s">
        <v>61</v>
      </c>
      <c r="L7" s="9" t="s">
        <v>61</v>
      </c>
      <c r="M7" s="9" t="s">
        <v>61</v>
      </c>
      <c r="N7" s="9" t="s">
        <v>61</v>
      </c>
      <c r="O7" s="9" t="s">
        <v>61</v>
      </c>
      <c r="P7" s="9" t="s">
        <v>61</v>
      </c>
      <c r="Q7" s="9" t="s">
        <v>61</v>
      </c>
    </row>
    <row r="8" spans="1:20" ht="23.25" customHeight="1" x14ac:dyDescent="0.15">
      <c r="A8" s="10" t="s">
        <v>9</v>
      </c>
      <c r="B8" s="11" t="s">
        <v>6</v>
      </c>
      <c r="C8" s="11" t="s">
        <v>6</v>
      </c>
      <c r="D8" s="11" t="s">
        <v>6</v>
      </c>
      <c r="E8" s="11" t="s">
        <v>6</v>
      </c>
      <c r="F8" s="11" t="s">
        <v>6</v>
      </c>
      <c r="G8" s="12">
        <v>24</v>
      </c>
      <c r="H8" s="12">
        <v>6</v>
      </c>
      <c r="I8" s="12">
        <v>1</v>
      </c>
      <c r="J8" s="12" t="s">
        <v>61</v>
      </c>
      <c r="K8" s="12" t="s">
        <v>61</v>
      </c>
      <c r="L8" s="12" t="s">
        <v>61</v>
      </c>
      <c r="M8" s="12" t="s">
        <v>61</v>
      </c>
      <c r="N8" s="12" t="s">
        <v>61</v>
      </c>
      <c r="O8" s="12" t="s">
        <v>61</v>
      </c>
      <c r="P8" s="12" t="s">
        <v>61</v>
      </c>
      <c r="Q8" s="12" t="s">
        <v>61</v>
      </c>
    </row>
    <row r="9" spans="1:20" ht="23.25" customHeight="1" x14ac:dyDescent="0.15">
      <c r="A9" s="10" t="s">
        <v>10</v>
      </c>
      <c r="B9" s="11" t="s">
        <v>6</v>
      </c>
      <c r="C9" s="11" t="s">
        <v>6</v>
      </c>
      <c r="D9" s="11" t="s">
        <v>6</v>
      </c>
      <c r="E9" s="11" t="s">
        <v>6</v>
      </c>
      <c r="F9" s="11" t="s">
        <v>6</v>
      </c>
      <c r="G9" s="12">
        <v>12</v>
      </c>
      <c r="H9" s="12">
        <v>25</v>
      </c>
      <c r="I9" s="12">
        <v>8</v>
      </c>
      <c r="J9" s="12" t="s">
        <v>61</v>
      </c>
      <c r="K9" s="12" t="s">
        <v>61</v>
      </c>
      <c r="L9" s="12" t="s">
        <v>61</v>
      </c>
      <c r="M9" s="12" t="s">
        <v>61</v>
      </c>
      <c r="N9" s="12" t="s">
        <v>61</v>
      </c>
      <c r="O9" s="12" t="s">
        <v>61</v>
      </c>
      <c r="P9" s="12" t="s">
        <v>61</v>
      </c>
      <c r="Q9" s="12" t="s">
        <v>61</v>
      </c>
    </row>
    <row r="10" spans="1:20" ht="23.25" customHeight="1" x14ac:dyDescent="0.15">
      <c r="A10" s="10" t="s">
        <v>11</v>
      </c>
      <c r="B10" s="11" t="s">
        <v>6</v>
      </c>
      <c r="C10" s="11" t="s">
        <v>6</v>
      </c>
      <c r="D10" s="11" t="s">
        <v>6</v>
      </c>
      <c r="E10" s="11" t="s">
        <v>6</v>
      </c>
      <c r="F10" s="11" t="s">
        <v>6</v>
      </c>
      <c r="G10" s="12">
        <v>9</v>
      </c>
      <c r="H10" s="12">
        <v>13</v>
      </c>
      <c r="I10" s="12">
        <v>16</v>
      </c>
      <c r="J10" s="12" t="s">
        <v>61</v>
      </c>
      <c r="K10" s="12" t="s">
        <v>61</v>
      </c>
      <c r="L10" s="12" t="s">
        <v>61</v>
      </c>
      <c r="M10" s="12" t="s">
        <v>61</v>
      </c>
      <c r="N10" s="12" t="s">
        <v>61</v>
      </c>
      <c r="O10" s="12" t="s">
        <v>61</v>
      </c>
      <c r="P10" s="12" t="s">
        <v>61</v>
      </c>
      <c r="Q10" s="12" t="s">
        <v>61</v>
      </c>
    </row>
    <row r="11" spans="1:20" ht="23.25" customHeight="1" x14ac:dyDescent="0.15">
      <c r="A11" s="10" t="s">
        <v>12</v>
      </c>
      <c r="B11" s="11" t="s">
        <v>6</v>
      </c>
      <c r="C11" s="11" t="s">
        <v>6</v>
      </c>
      <c r="D11" s="11" t="s">
        <v>6</v>
      </c>
      <c r="E11" s="11" t="s">
        <v>6</v>
      </c>
      <c r="F11" s="11" t="s">
        <v>6</v>
      </c>
      <c r="G11" s="12">
        <v>13</v>
      </c>
      <c r="H11" s="12">
        <v>8</v>
      </c>
      <c r="I11" s="12">
        <v>10</v>
      </c>
      <c r="J11" s="12" t="s">
        <v>61</v>
      </c>
      <c r="K11" s="12" t="s">
        <v>61</v>
      </c>
      <c r="L11" s="12" t="s">
        <v>61</v>
      </c>
      <c r="M11" s="12" t="s">
        <v>61</v>
      </c>
      <c r="N11" s="12" t="s">
        <v>61</v>
      </c>
      <c r="O11" s="12" t="s">
        <v>61</v>
      </c>
      <c r="P11" s="12" t="s">
        <v>61</v>
      </c>
      <c r="Q11" s="12" t="s">
        <v>61</v>
      </c>
    </row>
    <row r="12" spans="1:20" ht="23.25" customHeight="1" x14ac:dyDescent="0.15">
      <c r="A12" s="10" t="s">
        <v>13</v>
      </c>
      <c r="B12" s="11" t="s">
        <v>6</v>
      </c>
      <c r="C12" s="11" t="s">
        <v>6</v>
      </c>
      <c r="D12" s="11" t="s">
        <v>6</v>
      </c>
      <c r="E12" s="11" t="s">
        <v>6</v>
      </c>
      <c r="F12" s="11" t="s">
        <v>6</v>
      </c>
      <c r="G12" s="12">
        <v>5</v>
      </c>
      <c r="H12" s="12">
        <v>15</v>
      </c>
      <c r="I12" s="12">
        <v>8</v>
      </c>
      <c r="J12" s="12" t="s">
        <v>61</v>
      </c>
      <c r="K12" s="12" t="s">
        <v>61</v>
      </c>
      <c r="L12" s="12" t="s">
        <v>61</v>
      </c>
      <c r="M12" s="12" t="s">
        <v>61</v>
      </c>
      <c r="N12" s="12" t="s">
        <v>61</v>
      </c>
      <c r="O12" s="12" t="s">
        <v>61</v>
      </c>
      <c r="P12" s="12" t="s">
        <v>61</v>
      </c>
      <c r="Q12" s="12" t="s">
        <v>61</v>
      </c>
    </row>
    <row r="13" spans="1:20" ht="23.25" customHeight="1" x14ac:dyDescent="0.15">
      <c r="A13" s="10" t="s">
        <v>14</v>
      </c>
      <c r="B13" s="11" t="s">
        <v>6</v>
      </c>
      <c r="C13" s="11" t="s">
        <v>6</v>
      </c>
      <c r="D13" s="11" t="s">
        <v>6</v>
      </c>
      <c r="E13" s="11" t="s">
        <v>6</v>
      </c>
      <c r="F13" s="11" t="s">
        <v>6</v>
      </c>
      <c r="G13" s="12">
        <v>9</v>
      </c>
      <c r="H13" s="12">
        <v>4</v>
      </c>
      <c r="I13" s="12">
        <v>16</v>
      </c>
      <c r="J13" s="12" t="s">
        <v>61</v>
      </c>
      <c r="K13" s="12" t="s">
        <v>61</v>
      </c>
      <c r="L13" s="12" t="s">
        <v>61</v>
      </c>
      <c r="M13" s="12" t="s">
        <v>61</v>
      </c>
      <c r="N13" s="12" t="s">
        <v>61</v>
      </c>
      <c r="O13" s="12" t="s">
        <v>61</v>
      </c>
      <c r="P13" s="12" t="s">
        <v>61</v>
      </c>
      <c r="Q13" s="12" t="s">
        <v>61</v>
      </c>
    </row>
    <row r="14" spans="1:20" ht="23.25" customHeight="1" x14ac:dyDescent="0.15">
      <c r="A14" s="10" t="s">
        <v>15</v>
      </c>
      <c r="B14" s="11" t="s">
        <v>6</v>
      </c>
      <c r="C14" s="11" t="s">
        <v>6</v>
      </c>
      <c r="D14" s="11" t="s">
        <v>6</v>
      </c>
      <c r="E14" s="11" t="s">
        <v>6</v>
      </c>
      <c r="F14" s="11" t="s">
        <v>6</v>
      </c>
      <c r="G14" s="12">
        <v>14</v>
      </c>
      <c r="H14" s="12">
        <v>9</v>
      </c>
      <c r="I14" s="12">
        <v>4</v>
      </c>
      <c r="J14" s="12" t="s">
        <v>61</v>
      </c>
      <c r="K14" s="12" t="s">
        <v>61</v>
      </c>
      <c r="L14" s="12" t="s">
        <v>61</v>
      </c>
      <c r="M14" s="12" t="s">
        <v>61</v>
      </c>
      <c r="N14" s="12" t="s">
        <v>61</v>
      </c>
      <c r="O14" s="12" t="s">
        <v>61</v>
      </c>
      <c r="P14" s="12" t="s">
        <v>61</v>
      </c>
      <c r="Q14" s="12" t="s">
        <v>61</v>
      </c>
    </row>
    <row r="15" spans="1:20" ht="23.25" customHeight="1" x14ac:dyDescent="0.15">
      <c r="A15" s="10" t="s">
        <v>16</v>
      </c>
      <c r="B15" s="11" t="s">
        <v>6</v>
      </c>
      <c r="C15" s="11" t="s">
        <v>6</v>
      </c>
      <c r="D15" s="11" t="s">
        <v>6</v>
      </c>
      <c r="E15" s="11" t="s">
        <v>6</v>
      </c>
      <c r="F15" s="11" t="s">
        <v>6</v>
      </c>
      <c r="G15" s="12">
        <v>15</v>
      </c>
      <c r="H15" s="12">
        <v>13</v>
      </c>
      <c r="I15" s="12">
        <v>8</v>
      </c>
      <c r="J15" s="12" t="s">
        <v>61</v>
      </c>
      <c r="K15" s="12" t="s">
        <v>61</v>
      </c>
      <c r="L15" s="12" t="s">
        <v>61</v>
      </c>
      <c r="M15" s="12" t="s">
        <v>61</v>
      </c>
      <c r="N15" s="12" t="s">
        <v>61</v>
      </c>
      <c r="O15" s="12" t="s">
        <v>61</v>
      </c>
      <c r="P15" s="12" t="s">
        <v>61</v>
      </c>
      <c r="Q15" s="12" t="s">
        <v>61</v>
      </c>
    </row>
    <row r="16" spans="1:20" ht="23.25" customHeight="1" x14ac:dyDescent="0.15">
      <c r="A16" s="10" t="s">
        <v>17</v>
      </c>
      <c r="B16" s="11" t="s">
        <v>6</v>
      </c>
      <c r="C16" s="11" t="s">
        <v>6</v>
      </c>
      <c r="D16" s="11" t="s">
        <v>6</v>
      </c>
      <c r="E16" s="11" t="s">
        <v>6</v>
      </c>
      <c r="F16" s="11" t="s">
        <v>6</v>
      </c>
      <c r="G16" s="12">
        <v>20</v>
      </c>
      <c r="H16" s="12">
        <v>15</v>
      </c>
      <c r="I16" s="12">
        <v>15</v>
      </c>
      <c r="J16" s="12" t="s">
        <v>61</v>
      </c>
      <c r="K16" s="12" t="s">
        <v>61</v>
      </c>
      <c r="L16" s="12" t="s">
        <v>61</v>
      </c>
      <c r="M16" s="12" t="s">
        <v>61</v>
      </c>
      <c r="N16" s="12" t="s">
        <v>61</v>
      </c>
      <c r="O16" s="12" t="s">
        <v>61</v>
      </c>
      <c r="P16" s="12" t="s">
        <v>61</v>
      </c>
      <c r="Q16" s="12" t="s">
        <v>61</v>
      </c>
    </row>
    <row r="17" spans="1:17" ht="23.25" customHeight="1" x14ac:dyDescent="0.15">
      <c r="A17" s="10" t="s">
        <v>18</v>
      </c>
      <c r="B17" s="11" t="s">
        <v>6</v>
      </c>
      <c r="C17" s="11" t="s">
        <v>6</v>
      </c>
      <c r="D17" s="11" t="s">
        <v>6</v>
      </c>
      <c r="E17" s="11" t="s">
        <v>6</v>
      </c>
      <c r="F17" s="11" t="s">
        <v>6</v>
      </c>
      <c r="G17" s="12">
        <v>16</v>
      </c>
      <c r="H17" s="12">
        <v>20</v>
      </c>
      <c r="I17" s="12">
        <v>14</v>
      </c>
      <c r="J17" s="12" t="s">
        <v>61</v>
      </c>
      <c r="K17" s="12" t="s">
        <v>61</v>
      </c>
      <c r="L17" s="12" t="s">
        <v>61</v>
      </c>
      <c r="M17" s="12" t="s">
        <v>61</v>
      </c>
      <c r="N17" s="12" t="s">
        <v>61</v>
      </c>
      <c r="O17" s="12" t="s">
        <v>61</v>
      </c>
      <c r="P17" s="12" t="s">
        <v>61</v>
      </c>
      <c r="Q17" s="12" t="s">
        <v>61</v>
      </c>
    </row>
    <row r="18" spans="1:17" ht="23.25" customHeight="1" x14ac:dyDescent="0.15">
      <c r="A18" s="13" t="s">
        <v>19</v>
      </c>
      <c r="B18" s="14" t="s">
        <v>6</v>
      </c>
      <c r="C18" s="14" t="s">
        <v>6</v>
      </c>
      <c r="D18" s="14" t="s">
        <v>6</v>
      </c>
      <c r="E18" s="14" t="s">
        <v>6</v>
      </c>
      <c r="F18" s="14" t="s">
        <v>6</v>
      </c>
      <c r="G18" s="15">
        <v>16</v>
      </c>
      <c r="H18" s="15">
        <v>14</v>
      </c>
      <c r="I18" s="15">
        <v>18</v>
      </c>
      <c r="J18" s="15" t="s">
        <v>61</v>
      </c>
      <c r="K18" s="15" t="s">
        <v>61</v>
      </c>
      <c r="L18" s="15" t="s">
        <v>61</v>
      </c>
      <c r="M18" s="15" t="s">
        <v>61</v>
      </c>
      <c r="N18" s="15" t="s">
        <v>61</v>
      </c>
      <c r="O18" s="15" t="s">
        <v>61</v>
      </c>
      <c r="P18" s="15" t="s">
        <v>61</v>
      </c>
      <c r="Q18" s="15" t="s">
        <v>61</v>
      </c>
    </row>
    <row r="19" spans="1:17" ht="23.25" customHeight="1" x14ac:dyDescent="0.15">
      <c r="A19" s="13" t="s">
        <v>20</v>
      </c>
      <c r="B19" s="14" t="s">
        <v>6</v>
      </c>
      <c r="C19" s="14" t="s">
        <v>6</v>
      </c>
      <c r="D19" s="14" t="s">
        <v>6</v>
      </c>
      <c r="E19" s="14" t="s">
        <v>6</v>
      </c>
      <c r="F19" s="14" t="s">
        <v>6</v>
      </c>
      <c r="G19" s="15">
        <v>21</v>
      </c>
      <c r="H19" s="15">
        <v>14</v>
      </c>
      <c r="I19" s="15">
        <v>13</v>
      </c>
      <c r="J19" s="15" t="s">
        <v>61</v>
      </c>
      <c r="K19" s="15" t="s">
        <v>61</v>
      </c>
      <c r="L19" s="15" t="s">
        <v>61</v>
      </c>
      <c r="M19" s="15" t="s">
        <v>61</v>
      </c>
      <c r="N19" s="15" t="s">
        <v>61</v>
      </c>
      <c r="O19" s="15" t="s">
        <v>61</v>
      </c>
      <c r="P19" s="15" t="s">
        <v>61</v>
      </c>
      <c r="Q19" s="15" t="s">
        <v>61</v>
      </c>
    </row>
    <row r="20" spans="1:17" ht="23.25" customHeight="1" x14ac:dyDescent="0.15">
      <c r="A20" s="13" t="s">
        <v>21</v>
      </c>
      <c r="B20" s="14" t="s">
        <v>6</v>
      </c>
      <c r="C20" s="14" t="s">
        <v>6</v>
      </c>
      <c r="D20" s="14" t="s">
        <v>6</v>
      </c>
      <c r="E20" s="14" t="s">
        <v>6</v>
      </c>
      <c r="F20" s="14" t="s">
        <v>6</v>
      </c>
      <c r="G20" s="15">
        <v>20</v>
      </c>
      <c r="H20" s="15">
        <v>19</v>
      </c>
      <c r="I20" s="15">
        <v>11</v>
      </c>
      <c r="J20" s="15" t="s">
        <v>61</v>
      </c>
      <c r="K20" s="15" t="s">
        <v>61</v>
      </c>
      <c r="L20" s="15" t="s">
        <v>61</v>
      </c>
      <c r="M20" s="15" t="s">
        <v>61</v>
      </c>
      <c r="N20" s="15" t="s">
        <v>61</v>
      </c>
      <c r="O20" s="15" t="s">
        <v>61</v>
      </c>
      <c r="P20" s="15" t="s">
        <v>61</v>
      </c>
      <c r="Q20" s="15" t="s">
        <v>61</v>
      </c>
    </row>
    <row r="21" spans="1:17" ht="23.25" customHeight="1" x14ac:dyDescent="0.15">
      <c r="A21" s="13" t="s">
        <v>22</v>
      </c>
      <c r="B21" s="14" t="s">
        <v>6</v>
      </c>
      <c r="C21" s="14" t="s">
        <v>6</v>
      </c>
      <c r="D21" s="14" t="s">
        <v>6</v>
      </c>
      <c r="E21" s="14" t="s">
        <v>6</v>
      </c>
      <c r="F21" s="14" t="s">
        <v>6</v>
      </c>
      <c r="G21" s="15">
        <v>15</v>
      </c>
      <c r="H21" s="15">
        <v>17</v>
      </c>
      <c r="I21" s="15">
        <v>18</v>
      </c>
      <c r="J21" s="15" t="s">
        <v>61</v>
      </c>
      <c r="K21" s="15" t="s">
        <v>61</v>
      </c>
      <c r="L21" s="15" t="s">
        <v>61</v>
      </c>
      <c r="M21" s="15" t="s">
        <v>61</v>
      </c>
      <c r="N21" s="15" t="s">
        <v>61</v>
      </c>
      <c r="O21" s="15" t="s">
        <v>61</v>
      </c>
      <c r="P21" s="15" t="s">
        <v>61</v>
      </c>
      <c r="Q21" s="15" t="s">
        <v>61</v>
      </c>
    </row>
    <row r="22" spans="1:17" ht="23.25" customHeight="1" x14ac:dyDescent="0.15">
      <c r="A22" s="13" t="s">
        <v>23</v>
      </c>
      <c r="B22" s="14" t="s">
        <v>6</v>
      </c>
      <c r="C22" s="14" t="s">
        <v>6</v>
      </c>
      <c r="D22" s="14" t="s">
        <v>6</v>
      </c>
      <c r="E22" s="14" t="s">
        <v>6</v>
      </c>
      <c r="F22" s="14" t="s">
        <v>6</v>
      </c>
      <c r="G22" s="15">
        <v>8</v>
      </c>
      <c r="H22" s="15">
        <v>8</v>
      </c>
      <c r="I22" s="15">
        <v>10</v>
      </c>
      <c r="J22" s="15" t="s">
        <v>61</v>
      </c>
      <c r="K22" s="15" t="s">
        <v>61</v>
      </c>
      <c r="L22" s="15" t="s">
        <v>61</v>
      </c>
      <c r="M22" s="15" t="s">
        <v>61</v>
      </c>
      <c r="N22" s="15" t="s">
        <v>61</v>
      </c>
      <c r="O22" s="15" t="s">
        <v>61</v>
      </c>
      <c r="P22" s="15" t="s">
        <v>61</v>
      </c>
      <c r="Q22" s="15" t="s">
        <v>61</v>
      </c>
    </row>
    <row r="23" spans="1:17" ht="23.25" customHeight="1" x14ac:dyDescent="0.15">
      <c r="A23" s="13" t="s">
        <v>24</v>
      </c>
      <c r="B23" s="14" t="s">
        <v>6</v>
      </c>
      <c r="C23" s="14" t="s">
        <v>6</v>
      </c>
      <c r="D23" s="14" t="s">
        <v>6</v>
      </c>
      <c r="E23" s="14" t="s">
        <v>6</v>
      </c>
      <c r="F23" s="14" t="s">
        <v>6</v>
      </c>
      <c r="G23" s="15">
        <v>2</v>
      </c>
      <c r="H23" s="15">
        <v>3</v>
      </c>
      <c r="I23" s="15">
        <v>4</v>
      </c>
      <c r="J23" s="15" t="s">
        <v>61</v>
      </c>
      <c r="K23" s="15" t="s">
        <v>61</v>
      </c>
      <c r="L23" s="15" t="s">
        <v>61</v>
      </c>
      <c r="M23" s="15" t="s">
        <v>61</v>
      </c>
      <c r="N23" s="15" t="s">
        <v>61</v>
      </c>
      <c r="O23" s="15" t="s">
        <v>61</v>
      </c>
      <c r="P23" s="15" t="s">
        <v>61</v>
      </c>
      <c r="Q23" s="15" t="s">
        <v>61</v>
      </c>
    </row>
    <row r="24" spans="1:17" ht="23.25" customHeight="1" x14ac:dyDescent="0.15">
      <c r="A24" s="13" t="s">
        <v>25</v>
      </c>
      <c r="B24" s="14" t="s">
        <v>6</v>
      </c>
      <c r="C24" s="14" t="s">
        <v>6</v>
      </c>
      <c r="D24" s="14" t="s">
        <v>6</v>
      </c>
      <c r="E24" s="14" t="s">
        <v>6</v>
      </c>
      <c r="F24" s="14" t="s">
        <v>6</v>
      </c>
      <c r="G24" s="15">
        <v>2</v>
      </c>
      <c r="H24" s="15">
        <v>0</v>
      </c>
      <c r="I24" s="15">
        <v>0</v>
      </c>
      <c r="J24" s="15" t="s">
        <v>61</v>
      </c>
      <c r="K24" s="15" t="s">
        <v>61</v>
      </c>
      <c r="L24" s="15" t="s">
        <v>61</v>
      </c>
      <c r="M24" s="15" t="s">
        <v>61</v>
      </c>
      <c r="N24" s="15" t="s">
        <v>61</v>
      </c>
      <c r="O24" s="15" t="s">
        <v>61</v>
      </c>
      <c r="P24" s="15" t="s">
        <v>61</v>
      </c>
      <c r="Q24" s="15" t="s">
        <v>61</v>
      </c>
    </row>
    <row r="25" spans="1:17" ht="23.25" customHeight="1" x14ac:dyDescent="0.15">
      <c r="A25" s="13" t="s">
        <v>26</v>
      </c>
      <c r="B25" s="14" t="s">
        <v>6</v>
      </c>
      <c r="C25" s="14" t="s">
        <v>6</v>
      </c>
      <c r="D25" s="14" t="s">
        <v>6</v>
      </c>
      <c r="E25" s="14" t="s">
        <v>6</v>
      </c>
      <c r="F25" s="14" t="s">
        <v>6</v>
      </c>
      <c r="G25" s="15">
        <v>0</v>
      </c>
      <c r="H25" s="15">
        <v>0</v>
      </c>
      <c r="I25" s="15">
        <v>0</v>
      </c>
      <c r="J25" s="15" t="s">
        <v>61</v>
      </c>
      <c r="K25" s="15" t="s">
        <v>61</v>
      </c>
      <c r="L25" s="15" t="s">
        <v>61</v>
      </c>
      <c r="M25" s="15" t="s">
        <v>61</v>
      </c>
      <c r="N25" s="15" t="s">
        <v>61</v>
      </c>
      <c r="O25" s="15" t="s">
        <v>61</v>
      </c>
      <c r="P25" s="15" t="s">
        <v>61</v>
      </c>
      <c r="Q25" s="15" t="s">
        <v>61</v>
      </c>
    </row>
    <row r="26" spans="1:17" ht="23.25" customHeight="1" x14ac:dyDescent="0.15">
      <c r="A26" s="6" t="s">
        <v>27</v>
      </c>
      <c r="B26" s="16" t="s">
        <v>6</v>
      </c>
      <c r="C26" s="16" t="s">
        <v>6</v>
      </c>
      <c r="D26" s="16" t="s">
        <v>6</v>
      </c>
      <c r="E26" s="16" t="s">
        <v>6</v>
      </c>
      <c r="F26" s="16" t="s">
        <v>6</v>
      </c>
      <c r="G26" s="17">
        <v>234</v>
      </c>
      <c r="H26" s="17">
        <v>218</v>
      </c>
      <c r="I26" s="17">
        <v>195</v>
      </c>
      <c r="J26" s="17">
        <v>176</v>
      </c>
      <c r="K26" s="17">
        <v>168</v>
      </c>
      <c r="L26" s="17">
        <v>168</v>
      </c>
      <c r="M26" s="17">
        <v>165</v>
      </c>
      <c r="N26" s="17">
        <v>160</v>
      </c>
      <c r="O26" s="17">
        <v>160</v>
      </c>
      <c r="P26" s="17">
        <v>154</v>
      </c>
      <c r="Q26" s="17">
        <v>147</v>
      </c>
    </row>
    <row r="27" spans="1:17" ht="23.25" customHeight="1" x14ac:dyDescent="0.15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ht="20.100000000000001" customHeight="1" x14ac:dyDescent="0.2">
      <c r="A28" s="4"/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O28" s="18"/>
      <c r="P28" s="18"/>
      <c r="Q28" s="18"/>
    </row>
    <row r="29" spans="1:17" s="3" customFormat="1" ht="21.75" customHeight="1" x14ac:dyDescent="0.15">
      <c r="A29" s="3" t="s">
        <v>28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15">
      <c r="A30" s="6" t="s">
        <v>1</v>
      </c>
      <c r="B30" s="6" t="s">
        <v>2</v>
      </c>
      <c r="C30" s="6">
        <v>60</v>
      </c>
      <c r="D30" s="6" t="s">
        <v>3</v>
      </c>
      <c r="E30" s="6">
        <v>7</v>
      </c>
      <c r="F30" s="6">
        <v>12</v>
      </c>
      <c r="G30" s="6">
        <v>17</v>
      </c>
      <c r="H30" s="6">
        <v>22</v>
      </c>
      <c r="I30" s="6">
        <v>27</v>
      </c>
      <c r="J30" s="6">
        <v>30</v>
      </c>
      <c r="K30" s="6" t="s">
        <v>4</v>
      </c>
      <c r="L30" s="6">
        <v>2</v>
      </c>
      <c r="M30" s="6">
        <v>3</v>
      </c>
      <c r="N30" s="6">
        <v>4</v>
      </c>
      <c r="O30" s="6">
        <v>5</v>
      </c>
      <c r="P30" s="6">
        <v>6</v>
      </c>
      <c r="Q30" s="6">
        <v>7</v>
      </c>
    </row>
    <row r="31" spans="1:17" ht="23.25" customHeight="1" x14ac:dyDescent="0.15">
      <c r="A31" s="7" t="s">
        <v>29</v>
      </c>
      <c r="B31" s="8" t="s">
        <v>6</v>
      </c>
      <c r="C31" s="8" t="s">
        <v>6</v>
      </c>
      <c r="D31" s="8" t="s">
        <v>6</v>
      </c>
      <c r="E31" s="8" t="s">
        <v>6</v>
      </c>
      <c r="F31" s="8" t="s">
        <v>6</v>
      </c>
      <c r="G31" s="20">
        <v>13</v>
      </c>
      <c r="H31" s="20">
        <v>15</v>
      </c>
      <c r="I31" s="20">
        <v>21</v>
      </c>
      <c r="J31" s="20">
        <v>18</v>
      </c>
      <c r="K31" s="20">
        <v>20</v>
      </c>
      <c r="L31" s="20">
        <v>19</v>
      </c>
      <c r="M31" s="20">
        <v>18</v>
      </c>
      <c r="N31" s="20">
        <v>17</v>
      </c>
      <c r="O31" s="20">
        <v>14</v>
      </c>
      <c r="P31" s="20">
        <v>14</v>
      </c>
      <c r="Q31" s="20">
        <v>9</v>
      </c>
    </row>
    <row r="32" spans="1:17" ht="23.25" customHeight="1" x14ac:dyDescent="0.15">
      <c r="A32" s="10" t="s">
        <v>30</v>
      </c>
      <c r="B32" s="11" t="s">
        <v>6</v>
      </c>
      <c r="C32" s="11" t="s">
        <v>6</v>
      </c>
      <c r="D32" s="11" t="s">
        <v>6</v>
      </c>
      <c r="E32" s="11" t="s">
        <v>6</v>
      </c>
      <c r="F32" s="11" t="s">
        <v>6</v>
      </c>
      <c r="G32" s="21">
        <v>137</v>
      </c>
      <c r="H32" s="21">
        <v>128</v>
      </c>
      <c r="I32" s="21">
        <v>100</v>
      </c>
      <c r="J32" s="21">
        <v>85</v>
      </c>
      <c r="K32" s="21">
        <v>74</v>
      </c>
      <c r="L32" s="21">
        <v>75</v>
      </c>
      <c r="M32" s="21">
        <v>73</v>
      </c>
      <c r="N32" s="21">
        <v>70</v>
      </c>
      <c r="O32" s="21">
        <v>68</v>
      </c>
      <c r="P32" s="21">
        <v>67</v>
      </c>
      <c r="Q32" s="21">
        <v>65</v>
      </c>
    </row>
    <row r="33" spans="1:21" ht="23.25" customHeight="1" x14ac:dyDescent="0.15">
      <c r="A33" s="13" t="s">
        <v>31</v>
      </c>
      <c r="B33" s="14" t="s">
        <v>6</v>
      </c>
      <c r="C33" s="14" t="s">
        <v>6</v>
      </c>
      <c r="D33" s="14" t="s">
        <v>6</v>
      </c>
      <c r="E33" s="14" t="s">
        <v>6</v>
      </c>
      <c r="F33" s="14" t="s">
        <v>6</v>
      </c>
      <c r="G33" s="22">
        <v>84</v>
      </c>
      <c r="H33" s="22">
        <v>75</v>
      </c>
      <c r="I33" s="22">
        <v>74</v>
      </c>
      <c r="J33" s="22">
        <v>73</v>
      </c>
      <c r="K33" s="22">
        <v>74</v>
      </c>
      <c r="L33" s="22">
        <v>74</v>
      </c>
      <c r="M33" s="22">
        <v>74</v>
      </c>
      <c r="N33" s="22">
        <v>73</v>
      </c>
      <c r="O33" s="22">
        <v>78</v>
      </c>
      <c r="P33" s="22">
        <v>73</v>
      </c>
      <c r="Q33" s="22">
        <v>73</v>
      </c>
    </row>
    <row r="34" spans="1:21" ht="23.25" customHeight="1" x14ac:dyDescent="0.15">
      <c r="A34" s="6" t="s">
        <v>32</v>
      </c>
      <c r="B34" s="16" t="s">
        <v>6</v>
      </c>
      <c r="C34" s="16" t="s">
        <v>6</v>
      </c>
      <c r="D34" s="16" t="s">
        <v>6</v>
      </c>
      <c r="E34" s="16" t="s">
        <v>6</v>
      </c>
      <c r="F34" s="16" t="s">
        <v>6</v>
      </c>
      <c r="G34" s="23">
        <v>234</v>
      </c>
      <c r="H34" s="23">
        <v>218</v>
      </c>
      <c r="I34" s="23">
        <v>195</v>
      </c>
      <c r="J34" s="23">
        <v>176</v>
      </c>
      <c r="K34" s="23">
        <v>168</v>
      </c>
      <c r="L34" s="23">
        <v>168</v>
      </c>
      <c r="M34" s="23">
        <v>165</v>
      </c>
      <c r="N34" s="23">
        <v>160</v>
      </c>
      <c r="O34" s="23">
        <v>160</v>
      </c>
      <c r="P34" s="23">
        <v>154</v>
      </c>
      <c r="Q34" s="23">
        <v>147</v>
      </c>
    </row>
    <row r="35" spans="1:21" s="5" customFormat="1" ht="21.75" customHeight="1" x14ac:dyDescent="0.15">
      <c r="A35" s="24"/>
      <c r="B35" s="25"/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6"/>
      <c r="Q35" s="26"/>
    </row>
    <row r="36" spans="1:21" s="5" customFormat="1" ht="21.75" customHeight="1" x14ac:dyDescent="0.15">
      <c r="A36" s="27"/>
      <c r="B36" s="26"/>
      <c r="C36" s="26"/>
      <c r="D36" s="26"/>
      <c r="E36" s="26"/>
      <c r="F36" s="26"/>
      <c r="G36" s="26"/>
      <c r="H36" s="26"/>
      <c r="I36" s="26"/>
      <c r="J36" s="26"/>
      <c r="K36" s="26"/>
      <c r="L36" s="26"/>
      <c r="M36" s="26"/>
      <c r="N36" s="26"/>
      <c r="O36" s="26"/>
      <c r="P36" s="26"/>
      <c r="Q36" s="26"/>
    </row>
    <row r="37" spans="1:21" s="3" customFormat="1" ht="21.75" customHeight="1" x14ac:dyDescent="0.15">
      <c r="A37" s="28" t="s">
        <v>33</v>
      </c>
      <c r="B37" s="29"/>
      <c r="C37" s="29"/>
      <c r="D37" s="29"/>
      <c r="E37" s="29"/>
      <c r="F37" s="29"/>
      <c r="G37" s="29"/>
      <c r="H37" s="29"/>
      <c r="I37" s="29"/>
      <c r="J37" s="29"/>
      <c r="K37" s="29"/>
      <c r="L37" s="29"/>
      <c r="M37" s="29"/>
      <c r="N37" s="29"/>
      <c r="O37" s="29"/>
      <c r="P37" s="30"/>
      <c r="Q37" s="30"/>
    </row>
    <row r="38" spans="1:21" s="5" customFormat="1" ht="21.75" customHeight="1" x14ac:dyDescent="0.15">
      <c r="A38" s="6" t="s">
        <v>1</v>
      </c>
      <c r="B38" s="6" t="s">
        <v>2</v>
      </c>
      <c r="C38" s="6">
        <v>60</v>
      </c>
      <c r="D38" s="6" t="s">
        <v>3</v>
      </c>
      <c r="E38" s="6">
        <v>7</v>
      </c>
      <c r="F38" s="6">
        <v>12</v>
      </c>
      <c r="G38" s="6">
        <v>17</v>
      </c>
      <c r="H38" s="6">
        <v>22</v>
      </c>
      <c r="I38" s="6">
        <v>27</v>
      </c>
      <c r="J38" s="6">
        <v>30</v>
      </c>
      <c r="K38" s="6" t="s">
        <v>4</v>
      </c>
      <c r="L38" s="6">
        <v>2</v>
      </c>
      <c r="M38" s="6">
        <v>3</v>
      </c>
      <c r="N38" s="6">
        <v>4</v>
      </c>
      <c r="O38" s="6">
        <v>5</v>
      </c>
      <c r="P38" s="6">
        <v>6</v>
      </c>
      <c r="Q38" s="6">
        <v>7</v>
      </c>
    </row>
    <row r="39" spans="1:21" ht="23.25" customHeight="1" x14ac:dyDescent="0.15">
      <c r="A39" s="7" t="s">
        <v>29</v>
      </c>
      <c r="B39" s="31" t="s">
        <v>6</v>
      </c>
      <c r="C39" s="31" t="s">
        <v>6</v>
      </c>
      <c r="D39" s="31" t="s">
        <v>6</v>
      </c>
      <c r="E39" s="31" t="s">
        <v>6</v>
      </c>
      <c r="F39" s="31" t="s">
        <v>6</v>
      </c>
      <c r="G39" s="32">
        <v>5.6</v>
      </c>
      <c r="H39" s="32">
        <v>6.9</v>
      </c>
      <c r="I39" s="32">
        <v>10.8</v>
      </c>
      <c r="J39" s="32">
        <v>10.199999999999999</v>
      </c>
      <c r="K39" s="32">
        <v>11.9</v>
      </c>
      <c r="L39" s="32">
        <v>11.3</v>
      </c>
      <c r="M39" s="32">
        <v>10.9</v>
      </c>
      <c r="N39" s="32">
        <v>10.6</v>
      </c>
      <c r="O39" s="32">
        <v>8.8000000000000007</v>
      </c>
      <c r="P39" s="32">
        <v>9.1</v>
      </c>
      <c r="Q39" s="32">
        <v>6.1</v>
      </c>
    </row>
    <row r="40" spans="1:21" ht="23.25" customHeight="1" x14ac:dyDescent="0.15">
      <c r="A40" s="10" t="s">
        <v>30</v>
      </c>
      <c r="B40" s="33" t="s">
        <v>6</v>
      </c>
      <c r="C40" s="33" t="s">
        <v>6</v>
      </c>
      <c r="D40" s="33" t="s">
        <v>6</v>
      </c>
      <c r="E40" s="33" t="s">
        <v>6</v>
      </c>
      <c r="F40" s="33" t="s">
        <v>6</v>
      </c>
      <c r="G40" s="34">
        <v>58.5</v>
      </c>
      <c r="H40" s="34">
        <v>58.7</v>
      </c>
      <c r="I40" s="34">
        <v>51.3</v>
      </c>
      <c r="J40" s="34">
        <v>48.3</v>
      </c>
      <c r="K40" s="34">
        <v>44</v>
      </c>
      <c r="L40" s="34">
        <v>44.6</v>
      </c>
      <c r="M40" s="34">
        <v>44.2</v>
      </c>
      <c r="N40" s="34">
        <v>43.8</v>
      </c>
      <c r="O40" s="34">
        <v>42.5</v>
      </c>
      <c r="P40" s="34">
        <v>43.5</v>
      </c>
      <c r="Q40" s="34">
        <v>44.2</v>
      </c>
    </row>
    <row r="41" spans="1:21" ht="23.25" customHeight="1" x14ac:dyDescent="0.15">
      <c r="A41" s="13" t="s">
        <v>31</v>
      </c>
      <c r="B41" s="35" t="s">
        <v>6</v>
      </c>
      <c r="C41" s="35" t="s">
        <v>6</v>
      </c>
      <c r="D41" s="35" t="s">
        <v>6</v>
      </c>
      <c r="E41" s="35" t="s">
        <v>6</v>
      </c>
      <c r="F41" s="35" t="s">
        <v>6</v>
      </c>
      <c r="G41" s="36">
        <v>35.9</v>
      </c>
      <c r="H41" s="36">
        <v>34.4</v>
      </c>
      <c r="I41" s="36">
        <v>37.9</v>
      </c>
      <c r="J41" s="36">
        <v>41.5</v>
      </c>
      <c r="K41" s="36">
        <v>44</v>
      </c>
      <c r="L41" s="36">
        <v>44</v>
      </c>
      <c r="M41" s="36">
        <v>44.8</v>
      </c>
      <c r="N41" s="36">
        <v>45.6</v>
      </c>
      <c r="O41" s="36">
        <v>48.8</v>
      </c>
      <c r="P41" s="36">
        <v>47.4</v>
      </c>
      <c r="Q41" s="36">
        <v>49.7</v>
      </c>
    </row>
    <row r="42" spans="1:21" ht="23.25" customHeight="1" x14ac:dyDescent="0.15">
      <c r="A42" s="37" t="s">
        <v>34</v>
      </c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5"/>
      <c r="P42" s="5"/>
      <c r="Q42" s="5"/>
      <c r="R42" s="5"/>
      <c r="S42" s="5"/>
      <c r="T42" s="5"/>
    </row>
    <row r="43" spans="1:21" ht="23.25" customHeight="1" x14ac:dyDescent="0.15">
      <c r="A43" s="38"/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</row>
    <row r="44" spans="1:21" ht="23.25" customHeight="1" x14ac:dyDescent="0.15">
      <c r="A44" s="38"/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</row>
    <row r="45" spans="1:21" ht="23.25" customHeight="1" x14ac:dyDescent="0.15">
      <c r="A45" s="38"/>
      <c r="B45" s="5"/>
      <c r="C45" s="5"/>
      <c r="D45" s="5"/>
      <c r="E45" s="5"/>
      <c r="F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</row>
    <row r="46" spans="1:21" ht="23.25" customHeight="1" x14ac:dyDescent="0.15">
      <c r="A46" s="38"/>
      <c r="B46" s="5"/>
      <c r="C46" s="5"/>
      <c r="D46" s="5"/>
      <c r="E46" s="5"/>
      <c r="F46" s="5"/>
      <c r="J46" s="5"/>
      <c r="K46" s="5"/>
      <c r="L46" s="5"/>
      <c r="M46" s="5"/>
      <c r="N46" s="5"/>
      <c r="O46" s="5"/>
      <c r="P46" s="5"/>
      <c r="Q46" s="5"/>
      <c r="R46" s="5"/>
      <c r="S46" s="5"/>
      <c r="T46" s="5"/>
    </row>
    <row r="47" spans="1:21" ht="23.25" customHeight="1" thickBot="1" x14ac:dyDescent="0.2">
      <c r="A47" s="5"/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</row>
    <row r="48" spans="1:21" ht="23.25" customHeight="1" thickTop="1" x14ac:dyDescent="0.15">
      <c r="A48" s="5"/>
      <c r="B48" s="5"/>
      <c r="C48" s="47" t="s">
        <v>35</v>
      </c>
      <c r="D48" s="48"/>
      <c r="E48" s="48"/>
      <c r="F48" s="49"/>
      <c r="J48" s="47" t="s">
        <v>45</v>
      </c>
      <c r="K48" s="48"/>
      <c r="L48" s="48"/>
      <c r="M48" s="48"/>
      <c r="N48" s="48"/>
      <c r="O48" s="49"/>
      <c r="P48" s="5"/>
      <c r="Q48" s="5"/>
      <c r="R48" s="5"/>
      <c r="S48" s="5"/>
      <c r="T48" s="5"/>
      <c r="U48" s="5"/>
    </row>
    <row r="49" spans="1:21" ht="23.25" customHeight="1" thickBot="1" x14ac:dyDescent="0.2">
      <c r="A49" s="5"/>
      <c r="B49" s="5"/>
      <c r="C49" s="50"/>
      <c r="D49" s="51"/>
      <c r="E49" s="51"/>
      <c r="F49" s="52"/>
      <c r="J49" s="50"/>
      <c r="K49" s="51"/>
      <c r="L49" s="51"/>
      <c r="M49" s="51"/>
      <c r="N49" s="51"/>
      <c r="O49" s="52"/>
      <c r="P49" s="5"/>
      <c r="Q49" s="5"/>
      <c r="R49" s="5"/>
      <c r="S49" s="5"/>
      <c r="T49" s="5"/>
      <c r="U49" s="5"/>
    </row>
    <row r="50" spans="1:21" ht="23.25" customHeight="1" thickTop="1" x14ac:dyDescent="0.2">
      <c r="A50" s="5"/>
      <c r="B50" s="5"/>
      <c r="C50" s="39"/>
      <c r="D50" s="39"/>
      <c r="E50" s="39"/>
      <c r="F50" s="5"/>
      <c r="L50" s="40"/>
      <c r="M50" s="40"/>
      <c r="N50" s="40"/>
      <c r="O50" s="5"/>
      <c r="P50" s="5"/>
      <c r="Q50" s="5"/>
      <c r="R50" s="5"/>
      <c r="S50" s="41"/>
      <c r="T50" s="5"/>
    </row>
    <row r="51" spans="1:21" ht="23.25" customHeight="1" x14ac:dyDescent="0.2">
      <c r="A51" s="5"/>
      <c r="B51" s="41"/>
      <c r="C51" s="41"/>
      <c r="D51" s="41"/>
      <c r="E51" s="41"/>
      <c r="F51" s="40"/>
      <c r="G51" s="40"/>
      <c r="H51" s="40"/>
      <c r="I51" s="40"/>
      <c r="J51" s="40"/>
      <c r="K51" s="40"/>
      <c r="L51" s="40"/>
      <c r="M51" s="40"/>
      <c r="N51" s="40"/>
      <c r="O51" s="5"/>
      <c r="P51" s="5"/>
      <c r="Q51" s="5"/>
      <c r="R51" s="5"/>
      <c r="S51" s="41"/>
      <c r="T51" s="5"/>
    </row>
    <row r="52" spans="1:21" ht="23.25" customHeight="1" x14ac:dyDescent="0.15">
      <c r="A52" s="5"/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</row>
    <row r="53" spans="1:21" ht="23.25" customHeight="1" x14ac:dyDescent="0.15">
      <c r="A53" s="5"/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</row>
    <row r="54" spans="1:21" ht="23.25" customHeight="1" x14ac:dyDescent="0.15">
      <c r="A54" s="5"/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  <c r="T54" s="5"/>
    </row>
    <row r="55" spans="1:21" ht="23.25" customHeight="1" x14ac:dyDescent="0.15">
      <c r="A55" s="5"/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  <c r="T55" s="5"/>
    </row>
    <row r="56" spans="1:21" ht="23.25" customHeight="1" x14ac:dyDescent="0.15">
      <c r="A56" s="5"/>
      <c r="B56" s="5"/>
      <c r="C56" s="5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  <c r="S56" s="5"/>
      <c r="T56" s="5"/>
    </row>
    <row r="57" spans="1:21" ht="23.25" customHeight="1" x14ac:dyDescent="0.15">
      <c r="A57" s="5"/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</row>
    <row r="58" spans="1:21" ht="23.25" customHeight="1" x14ac:dyDescent="0.15">
      <c r="A58" s="5"/>
      <c r="B58" s="5"/>
      <c r="C58" s="5"/>
      <c r="D58" s="5"/>
      <c r="E58" s="5"/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  <c r="R58" s="5"/>
      <c r="S58" s="5"/>
      <c r="T58" s="5"/>
    </row>
    <row r="59" spans="1:21" ht="23.25" customHeight="1" x14ac:dyDescent="0.15">
      <c r="A59" s="5"/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  <c r="S59" s="5"/>
      <c r="T59" s="5"/>
    </row>
    <row r="60" spans="1:21" ht="23.25" customHeight="1" x14ac:dyDescent="0.15">
      <c r="A60" s="5"/>
      <c r="B60" s="5"/>
      <c r="C60" s="5"/>
      <c r="D60" s="5"/>
      <c r="E60" s="5"/>
      <c r="F60" s="5"/>
      <c r="G60" s="5"/>
      <c r="H60" s="5"/>
      <c r="I60" s="5"/>
      <c r="J60" s="5"/>
      <c r="K60" s="5"/>
      <c r="L60" s="5"/>
      <c r="M60" s="5"/>
      <c r="N60" s="5"/>
      <c r="O60" s="5"/>
      <c r="P60" s="5"/>
      <c r="Q60" s="5"/>
      <c r="R60" s="5"/>
      <c r="S60" s="5"/>
      <c r="T60" s="5"/>
    </row>
    <row r="61" spans="1:21" ht="23.25" customHeight="1" x14ac:dyDescent="0.15">
      <c r="A61" s="5"/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</row>
    <row r="62" spans="1:21" ht="23.25" customHeight="1" x14ac:dyDescent="0.15">
      <c r="A62" s="5"/>
      <c r="B62" s="5"/>
      <c r="C62" s="5"/>
      <c r="D62" s="5"/>
      <c r="E62" s="5"/>
      <c r="F62" s="5"/>
      <c r="G62" s="5"/>
      <c r="H62" s="5"/>
      <c r="I62" s="5"/>
      <c r="J62" s="5"/>
      <c r="K62" s="5"/>
      <c r="L62" s="5"/>
      <c r="M62" s="5"/>
      <c r="N62" s="5"/>
      <c r="O62" s="5"/>
      <c r="P62" s="5"/>
      <c r="Q62" s="5"/>
      <c r="R62" s="5"/>
      <c r="S62" s="5"/>
      <c r="T62" s="5"/>
    </row>
    <row r="63" spans="1:21" ht="23.25" customHeight="1" x14ac:dyDescent="0.15">
      <c r="A63" s="5"/>
      <c r="B63" s="5"/>
      <c r="C63" s="5"/>
      <c r="D63" s="5"/>
      <c r="E63" s="5"/>
      <c r="F63" s="5"/>
      <c r="G63" s="5"/>
      <c r="H63" s="5"/>
      <c r="I63" s="5"/>
      <c r="J63" s="5"/>
      <c r="K63" s="5"/>
      <c r="L63" s="5"/>
      <c r="M63" s="5"/>
      <c r="N63" s="5"/>
      <c r="O63" s="5"/>
      <c r="P63" s="5"/>
      <c r="Q63" s="5"/>
      <c r="R63" s="5"/>
      <c r="S63" s="5"/>
      <c r="T63" s="5"/>
    </row>
    <row r="64" spans="1:21" ht="23.25" customHeight="1" x14ac:dyDescent="0.15">
      <c r="A64" s="5"/>
      <c r="B64" s="5"/>
      <c r="C64" s="5"/>
      <c r="D64" s="5"/>
      <c r="E64" s="5"/>
      <c r="F64" s="5"/>
      <c r="G64" s="5"/>
      <c r="H64" s="5"/>
      <c r="I64" s="5"/>
      <c r="J64" s="5"/>
      <c r="K64" s="5"/>
      <c r="L64" s="5"/>
      <c r="M64" s="5"/>
      <c r="N64" s="5"/>
      <c r="O64" s="5"/>
      <c r="P64" s="5"/>
      <c r="Q64" s="5"/>
      <c r="R64" s="5"/>
      <c r="S64" s="5"/>
      <c r="T64" s="5"/>
    </row>
    <row r="65" spans="1:20" ht="23.25" customHeight="1" x14ac:dyDescent="0.15">
      <c r="A65" s="5"/>
      <c r="B65" s="5"/>
      <c r="C65" s="5"/>
      <c r="D65" s="5"/>
      <c r="E65" s="5"/>
      <c r="F65" s="5"/>
      <c r="G65" s="5"/>
      <c r="H65" s="5"/>
      <c r="I65" s="5"/>
      <c r="J65" s="5"/>
      <c r="K65" s="5"/>
      <c r="L65" s="5"/>
      <c r="M65" s="5"/>
      <c r="N65" s="5"/>
      <c r="O65" s="5"/>
      <c r="P65" s="5"/>
      <c r="Q65" s="5"/>
      <c r="R65" s="5"/>
      <c r="S65" s="5"/>
      <c r="T65" s="5"/>
    </row>
    <row r="66" spans="1:20" ht="23.25" customHeight="1" x14ac:dyDescent="0.15">
      <c r="A66" s="5"/>
      <c r="B66" s="5"/>
      <c r="C66" s="5"/>
      <c r="D66" s="5"/>
      <c r="E66" s="5"/>
      <c r="F66" s="5"/>
      <c r="G66" s="5"/>
      <c r="H66" s="5"/>
      <c r="I66" s="5"/>
      <c r="J66" s="5"/>
      <c r="K66" s="5"/>
      <c r="L66" s="5"/>
      <c r="M66" s="5"/>
      <c r="N66" s="5"/>
      <c r="O66" s="5"/>
      <c r="P66" s="5"/>
      <c r="Q66" s="5"/>
      <c r="R66" s="5"/>
      <c r="S66" s="5"/>
      <c r="T66" s="5"/>
    </row>
    <row r="67" spans="1:20" ht="23.25" customHeight="1" x14ac:dyDescent="0.15">
      <c r="A67" s="5"/>
      <c r="B67" s="5"/>
      <c r="C67" s="5"/>
      <c r="D67" s="5"/>
      <c r="E67" s="5"/>
      <c r="F67" s="5"/>
      <c r="G67" s="5"/>
      <c r="H67" s="5"/>
      <c r="I67" s="5"/>
      <c r="J67" s="5"/>
      <c r="K67" s="5"/>
      <c r="L67" s="5"/>
      <c r="M67" s="5"/>
      <c r="N67" s="5"/>
      <c r="O67" s="5"/>
      <c r="P67" s="5"/>
      <c r="Q67" s="5"/>
      <c r="R67" s="5"/>
      <c r="S67" s="5"/>
      <c r="T67" s="5"/>
    </row>
    <row r="68" spans="1:20" ht="23.25" customHeight="1" x14ac:dyDescent="0.15">
      <c r="A68" s="5"/>
      <c r="B68" s="5"/>
      <c r="C68" s="5"/>
      <c r="D68" s="5"/>
      <c r="E68" s="5"/>
      <c r="F68" s="5"/>
      <c r="G68" s="5"/>
      <c r="H68" s="5"/>
      <c r="I68" s="5"/>
      <c r="J68" s="5"/>
      <c r="K68" s="5"/>
      <c r="L68" s="5"/>
      <c r="M68" s="5"/>
      <c r="N68" s="5"/>
      <c r="O68" s="5"/>
      <c r="P68" s="5"/>
      <c r="Q68" s="5"/>
      <c r="R68" s="5"/>
      <c r="S68" s="5"/>
      <c r="T68" s="5"/>
    </row>
    <row r="69" spans="1:20" ht="23.25" customHeight="1" x14ac:dyDescent="0.15">
      <c r="A69" s="5"/>
      <c r="B69" s="5"/>
      <c r="C69" s="5"/>
      <c r="D69" s="5"/>
      <c r="E69" s="5"/>
      <c r="F69" s="5"/>
      <c r="G69" s="5"/>
      <c r="H69" s="5"/>
      <c r="I69" s="5"/>
      <c r="J69" s="5"/>
      <c r="K69" s="5"/>
      <c r="L69" s="5"/>
      <c r="M69" s="5"/>
      <c r="N69" s="5"/>
      <c r="O69" s="5"/>
      <c r="P69" s="5"/>
      <c r="Q69" s="5"/>
      <c r="R69" s="5"/>
      <c r="S69" s="5"/>
      <c r="T69" s="5"/>
    </row>
    <row r="70" spans="1:20" ht="23.25" customHeight="1" x14ac:dyDescent="0.15">
      <c r="A70" s="5"/>
      <c r="B70" s="5"/>
      <c r="C70" s="5"/>
      <c r="D70" s="5"/>
      <c r="E70" s="5"/>
      <c r="F70" s="5"/>
      <c r="G70" s="5"/>
      <c r="H70" s="5"/>
      <c r="I70" s="5"/>
      <c r="J70" s="5"/>
      <c r="K70" s="5"/>
      <c r="L70" s="5"/>
      <c r="M70" s="5"/>
      <c r="N70" s="5"/>
      <c r="O70" s="5"/>
      <c r="P70" s="5"/>
      <c r="Q70" s="5"/>
      <c r="R70" s="5"/>
      <c r="S70" s="5"/>
      <c r="T70" s="5"/>
    </row>
    <row r="71" spans="1:20" ht="23.25" customHeight="1" x14ac:dyDescent="0.15">
      <c r="A71" s="5"/>
      <c r="B71" s="5"/>
      <c r="C71" s="5"/>
      <c r="D71" s="5"/>
      <c r="E71" s="5"/>
      <c r="F71" s="5"/>
      <c r="G71" s="5"/>
      <c r="H71" s="5"/>
      <c r="I71" s="5"/>
      <c r="J71" s="5"/>
      <c r="K71" s="5"/>
      <c r="L71" s="5"/>
      <c r="M71" s="5"/>
      <c r="N71" s="5"/>
      <c r="O71" s="5"/>
      <c r="P71" s="5"/>
      <c r="Q71" s="5"/>
      <c r="R71" s="5"/>
      <c r="S71" s="5"/>
      <c r="T71" s="5"/>
    </row>
    <row r="72" spans="1:20" ht="23.25" customHeight="1" x14ac:dyDescent="0.15">
      <c r="A72" s="5"/>
      <c r="B72" s="5"/>
      <c r="C72" s="5"/>
      <c r="D72" s="5"/>
      <c r="E72" s="5"/>
      <c r="F72" s="5"/>
      <c r="G72" s="5"/>
      <c r="H72" s="5"/>
      <c r="I72" s="5"/>
      <c r="J72" s="5"/>
      <c r="K72" s="5"/>
      <c r="L72" s="5"/>
      <c r="M72" s="5"/>
      <c r="N72" s="5"/>
      <c r="O72" s="5"/>
      <c r="P72" s="5"/>
      <c r="Q72" s="5"/>
      <c r="R72" s="5"/>
      <c r="S72" s="5"/>
      <c r="T72" s="5"/>
    </row>
    <row r="73" spans="1:20" ht="23.25" customHeight="1" x14ac:dyDescent="0.15">
      <c r="A73" s="5"/>
      <c r="B73" s="5"/>
      <c r="C73" s="5"/>
      <c r="D73" s="5"/>
      <c r="E73" s="5"/>
      <c r="F73" s="5"/>
      <c r="G73" s="5"/>
      <c r="H73" s="5"/>
      <c r="I73" s="5"/>
      <c r="J73" s="5"/>
      <c r="K73" s="5"/>
      <c r="L73" s="5"/>
      <c r="M73" s="5"/>
      <c r="N73" s="5"/>
      <c r="O73" s="5"/>
      <c r="P73" s="5"/>
      <c r="Q73" s="5"/>
      <c r="R73" s="5"/>
      <c r="S73" s="5"/>
      <c r="T73" s="5"/>
    </row>
    <row r="74" spans="1:20" ht="23.25" customHeight="1" x14ac:dyDescent="0.15">
      <c r="A74" s="5"/>
      <c r="B74" s="5"/>
      <c r="C74" s="5"/>
      <c r="D74" s="5"/>
      <c r="E74" s="5"/>
      <c r="F74" s="5"/>
      <c r="G74" s="5"/>
      <c r="H74" s="5"/>
      <c r="I74" s="5"/>
      <c r="J74" s="5"/>
      <c r="K74" s="5"/>
      <c r="L74" s="5"/>
      <c r="M74" s="5"/>
      <c r="N74" s="5"/>
      <c r="O74" s="5"/>
      <c r="P74" s="5"/>
      <c r="Q74" s="5"/>
      <c r="R74" s="5"/>
      <c r="S74" s="5"/>
      <c r="T74" s="5"/>
    </row>
    <row r="75" spans="1:20" ht="23.25" customHeight="1" x14ac:dyDescent="0.15">
      <c r="A75" s="5"/>
      <c r="B75" s="5"/>
      <c r="C75" s="5"/>
      <c r="D75" s="5"/>
      <c r="E75" s="5"/>
      <c r="F75" s="5"/>
      <c r="G75" s="5"/>
      <c r="H75" s="5"/>
      <c r="I75" s="5"/>
      <c r="J75" s="5"/>
      <c r="K75" s="5"/>
      <c r="L75" s="5"/>
      <c r="M75" s="5"/>
      <c r="N75" s="5"/>
      <c r="O75" s="5"/>
      <c r="P75" s="5"/>
      <c r="Q75" s="5"/>
      <c r="R75" s="5"/>
      <c r="S75" s="5"/>
      <c r="T75" s="5"/>
    </row>
    <row r="76" spans="1:20" ht="23.25" customHeight="1" x14ac:dyDescent="0.15">
      <c r="A76" s="5"/>
      <c r="B76" s="5"/>
      <c r="C76" s="5"/>
      <c r="D76" s="5"/>
      <c r="E76" s="5"/>
      <c r="F76" s="5"/>
      <c r="G76" s="5"/>
      <c r="H76" s="5"/>
      <c r="I76" s="5"/>
      <c r="J76" s="5"/>
      <c r="K76" s="5"/>
      <c r="L76" s="5"/>
      <c r="M76" s="5"/>
      <c r="N76" s="5"/>
      <c r="O76" s="5"/>
      <c r="P76" s="5"/>
      <c r="Q76" s="5"/>
      <c r="R76" s="5"/>
      <c r="S76" s="5"/>
      <c r="T76" s="5"/>
    </row>
    <row r="77" spans="1:20" ht="23.25" customHeight="1" x14ac:dyDescent="0.15">
      <c r="A77" s="5"/>
      <c r="B77" s="5"/>
      <c r="C77" s="5"/>
      <c r="D77" s="5"/>
      <c r="E77" s="5"/>
      <c r="F77" s="5"/>
      <c r="G77" s="5"/>
      <c r="H77" s="5"/>
      <c r="I77" s="5"/>
      <c r="J77" s="5"/>
      <c r="K77" s="5"/>
      <c r="L77" s="5"/>
      <c r="M77" s="5"/>
      <c r="N77" s="5"/>
      <c r="O77" s="5"/>
      <c r="P77" s="5"/>
      <c r="Q77" s="5"/>
      <c r="R77" s="5"/>
      <c r="S77" s="5"/>
      <c r="T77" s="5"/>
    </row>
    <row r="78" spans="1:20" ht="23.25" customHeight="1" x14ac:dyDescent="0.15">
      <c r="A78" s="5"/>
      <c r="B78" s="5"/>
      <c r="C78" s="5"/>
      <c r="D78" s="5"/>
      <c r="E78" s="5"/>
      <c r="F78" s="5"/>
      <c r="G78" s="5"/>
      <c r="H78" s="5"/>
      <c r="I78" s="5"/>
      <c r="J78" s="5"/>
      <c r="K78" s="5"/>
      <c r="L78" s="5"/>
      <c r="M78" s="5"/>
      <c r="N78" s="5"/>
      <c r="O78" s="5"/>
      <c r="P78" s="5"/>
      <c r="Q78" s="5"/>
      <c r="R78" s="5"/>
      <c r="S78" s="5"/>
      <c r="T78" s="5"/>
    </row>
    <row r="79" spans="1:20" ht="23.25" customHeight="1" x14ac:dyDescent="0.15">
      <c r="A79" s="5"/>
      <c r="B79" s="5"/>
      <c r="C79" s="5"/>
      <c r="D79" s="5"/>
      <c r="E79" s="5"/>
      <c r="F79" s="5"/>
      <c r="G79" s="5"/>
      <c r="H79" s="5"/>
      <c r="I79" s="5"/>
      <c r="J79" s="5"/>
      <c r="K79" s="5"/>
      <c r="L79" s="5"/>
      <c r="M79" s="5"/>
      <c r="N79" s="5"/>
      <c r="O79" s="5"/>
      <c r="P79" s="5"/>
      <c r="Q79" s="5"/>
      <c r="R79" s="5"/>
      <c r="S79" s="5"/>
      <c r="T79" s="5"/>
    </row>
    <row r="80" spans="1:20" ht="23.25" customHeight="1" x14ac:dyDescent="0.15">
      <c r="A80" s="5"/>
      <c r="B80" s="5"/>
      <c r="C80" s="5"/>
      <c r="D80" s="5"/>
      <c r="E80" s="5"/>
      <c r="F80" s="5"/>
      <c r="G80" s="5"/>
      <c r="H80" s="5"/>
      <c r="I80" s="5"/>
      <c r="J80" s="5"/>
      <c r="K80" s="5"/>
      <c r="L80" s="5"/>
      <c r="M80" s="5"/>
      <c r="N80" s="5"/>
      <c r="O80" s="5"/>
      <c r="P80" s="5"/>
      <c r="Q80" s="5"/>
      <c r="R80" s="5"/>
      <c r="S80" s="5"/>
      <c r="T80" s="5"/>
    </row>
    <row r="81" spans="1:20" ht="21.75" customHeight="1" x14ac:dyDescent="0.15">
      <c r="A81" s="5"/>
      <c r="B81" s="5"/>
      <c r="C81" s="5"/>
      <c r="D81" s="5"/>
      <c r="E81" s="5"/>
      <c r="F81" s="5"/>
      <c r="G81" s="5"/>
      <c r="H81" s="5"/>
      <c r="I81" s="5"/>
      <c r="J81" s="5"/>
      <c r="K81" s="5"/>
      <c r="L81" s="5"/>
      <c r="M81" s="5"/>
      <c r="N81" s="5"/>
      <c r="O81" s="5"/>
      <c r="P81" s="5"/>
      <c r="Q81" s="5"/>
      <c r="R81" s="5"/>
      <c r="S81" s="5"/>
      <c r="T81" s="5"/>
    </row>
    <row r="82" spans="1:20" ht="21.75" customHeight="1" x14ac:dyDescent="0.15">
      <c r="A82" s="3" t="s">
        <v>46</v>
      </c>
      <c r="B82" s="4"/>
      <c r="C82" s="4"/>
      <c r="D82" s="4"/>
      <c r="E82" s="4"/>
      <c r="F82" s="4"/>
      <c r="G82" s="4"/>
      <c r="H82" s="4"/>
      <c r="I82" s="4"/>
      <c r="J82" s="4"/>
      <c r="K82" s="4"/>
      <c r="L82" s="4"/>
      <c r="M82" s="4"/>
      <c r="N82" s="4"/>
      <c r="O82" s="5"/>
      <c r="P82" s="5"/>
      <c r="Q82" s="5"/>
      <c r="R82" s="5"/>
      <c r="S82" s="5"/>
      <c r="T82" s="5"/>
    </row>
    <row r="83" spans="1:20" ht="21.75" customHeight="1" x14ac:dyDescent="0.15">
      <c r="A83" s="6" t="s">
        <v>1</v>
      </c>
      <c r="B83" s="6" t="s">
        <v>2</v>
      </c>
      <c r="C83" s="6">
        <v>60</v>
      </c>
      <c r="D83" s="6" t="s">
        <v>3</v>
      </c>
      <c r="E83" s="6">
        <v>7</v>
      </c>
      <c r="F83" s="6">
        <v>12</v>
      </c>
      <c r="G83" s="6">
        <v>17</v>
      </c>
      <c r="H83" s="6">
        <v>22</v>
      </c>
      <c r="I83" s="6">
        <v>27</v>
      </c>
      <c r="J83" s="6">
        <v>30</v>
      </c>
      <c r="K83" s="6" t="s">
        <v>4</v>
      </c>
      <c r="L83" s="6">
        <v>2</v>
      </c>
      <c r="M83" s="6">
        <v>3</v>
      </c>
      <c r="N83" s="6">
        <v>4</v>
      </c>
      <c r="O83" s="6">
        <v>5</v>
      </c>
      <c r="P83" s="6">
        <v>6</v>
      </c>
      <c r="Q83" s="6">
        <v>7</v>
      </c>
    </row>
    <row r="84" spans="1:20" ht="21.75" customHeight="1" x14ac:dyDescent="0.15">
      <c r="A84" s="7" t="s">
        <v>5</v>
      </c>
      <c r="B84" s="8" t="s">
        <v>6</v>
      </c>
      <c r="C84" s="8" t="s">
        <v>6</v>
      </c>
      <c r="D84" s="8" t="s">
        <v>6</v>
      </c>
      <c r="E84" s="8" t="s">
        <v>6</v>
      </c>
      <c r="F84" s="8" t="s">
        <v>6</v>
      </c>
      <c r="G84" s="9">
        <v>2</v>
      </c>
      <c r="H84" s="9">
        <v>4</v>
      </c>
      <c r="I84" s="9">
        <v>4</v>
      </c>
      <c r="J84" s="9" t="s">
        <v>61</v>
      </c>
      <c r="K84" s="9" t="s">
        <v>61</v>
      </c>
      <c r="L84" s="9" t="s">
        <v>61</v>
      </c>
      <c r="M84" s="9" t="s">
        <v>61</v>
      </c>
      <c r="N84" s="9" t="s">
        <v>61</v>
      </c>
      <c r="O84" s="9" t="s">
        <v>61</v>
      </c>
      <c r="P84" s="9" t="s">
        <v>61</v>
      </c>
      <c r="Q84" s="9" t="s">
        <v>61</v>
      </c>
    </row>
    <row r="85" spans="1:20" ht="21.75" customHeight="1" x14ac:dyDescent="0.15">
      <c r="A85" s="7" t="s">
        <v>7</v>
      </c>
      <c r="B85" s="8" t="s">
        <v>6</v>
      </c>
      <c r="C85" s="8" t="s">
        <v>6</v>
      </c>
      <c r="D85" s="8" t="s">
        <v>6</v>
      </c>
      <c r="E85" s="8" t="s">
        <v>6</v>
      </c>
      <c r="F85" s="8" t="s">
        <v>6</v>
      </c>
      <c r="G85" s="9">
        <v>0</v>
      </c>
      <c r="H85" s="9">
        <v>3</v>
      </c>
      <c r="I85" s="9">
        <v>4</v>
      </c>
      <c r="J85" s="9" t="s">
        <v>61</v>
      </c>
      <c r="K85" s="9" t="s">
        <v>61</v>
      </c>
      <c r="L85" s="9" t="s">
        <v>61</v>
      </c>
      <c r="M85" s="9" t="s">
        <v>61</v>
      </c>
      <c r="N85" s="9" t="s">
        <v>61</v>
      </c>
      <c r="O85" s="9" t="s">
        <v>61</v>
      </c>
      <c r="P85" s="9" t="s">
        <v>61</v>
      </c>
      <c r="Q85" s="9" t="s">
        <v>61</v>
      </c>
    </row>
    <row r="86" spans="1:20" ht="21.75" customHeight="1" x14ac:dyDescent="0.15">
      <c r="A86" s="7" t="s">
        <v>8</v>
      </c>
      <c r="B86" s="8" t="s">
        <v>6</v>
      </c>
      <c r="C86" s="8" t="s">
        <v>6</v>
      </c>
      <c r="D86" s="8" t="s">
        <v>6</v>
      </c>
      <c r="E86" s="8" t="s">
        <v>6</v>
      </c>
      <c r="F86" s="8" t="s">
        <v>6</v>
      </c>
      <c r="G86" s="9">
        <v>7</v>
      </c>
      <c r="H86" s="9">
        <v>0</v>
      </c>
      <c r="I86" s="9">
        <v>2</v>
      </c>
      <c r="J86" s="9" t="s">
        <v>61</v>
      </c>
      <c r="K86" s="9" t="s">
        <v>61</v>
      </c>
      <c r="L86" s="9" t="s">
        <v>61</v>
      </c>
      <c r="M86" s="9" t="s">
        <v>61</v>
      </c>
      <c r="N86" s="9" t="s">
        <v>61</v>
      </c>
      <c r="O86" s="9" t="s">
        <v>61</v>
      </c>
      <c r="P86" s="9" t="s">
        <v>61</v>
      </c>
      <c r="Q86" s="9" t="s">
        <v>61</v>
      </c>
    </row>
    <row r="87" spans="1:20" ht="21.75" customHeight="1" x14ac:dyDescent="0.15">
      <c r="A87" s="10" t="s">
        <v>9</v>
      </c>
      <c r="B87" s="11" t="s">
        <v>6</v>
      </c>
      <c r="C87" s="11" t="s">
        <v>6</v>
      </c>
      <c r="D87" s="11" t="s">
        <v>6</v>
      </c>
      <c r="E87" s="11" t="s">
        <v>6</v>
      </c>
      <c r="F87" s="11" t="s">
        <v>6</v>
      </c>
      <c r="G87" s="12">
        <v>12</v>
      </c>
      <c r="H87" s="12">
        <v>5</v>
      </c>
      <c r="I87" s="12">
        <v>0</v>
      </c>
      <c r="J87" s="12" t="s">
        <v>61</v>
      </c>
      <c r="K87" s="12" t="s">
        <v>61</v>
      </c>
      <c r="L87" s="12" t="s">
        <v>61</v>
      </c>
      <c r="M87" s="12" t="s">
        <v>61</v>
      </c>
      <c r="N87" s="12" t="s">
        <v>61</v>
      </c>
      <c r="O87" s="12" t="s">
        <v>61</v>
      </c>
      <c r="P87" s="12" t="s">
        <v>61</v>
      </c>
      <c r="Q87" s="12" t="s">
        <v>61</v>
      </c>
    </row>
    <row r="88" spans="1:20" ht="21.75" customHeight="1" x14ac:dyDescent="0.15">
      <c r="A88" s="10" t="s">
        <v>10</v>
      </c>
      <c r="B88" s="11" t="s">
        <v>6</v>
      </c>
      <c r="C88" s="11" t="s">
        <v>6</v>
      </c>
      <c r="D88" s="11" t="s">
        <v>6</v>
      </c>
      <c r="E88" s="11" t="s">
        <v>6</v>
      </c>
      <c r="F88" s="11" t="s">
        <v>6</v>
      </c>
      <c r="G88" s="12">
        <v>8</v>
      </c>
      <c r="H88" s="12">
        <v>12</v>
      </c>
      <c r="I88" s="12">
        <v>6</v>
      </c>
      <c r="J88" s="12" t="s">
        <v>61</v>
      </c>
      <c r="K88" s="12" t="s">
        <v>61</v>
      </c>
      <c r="L88" s="12" t="s">
        <v>61</v>
      </c>
      <c r="M88" s="12" t="s">
        <v>61</v>
      </c>
      <c r="N88" s="12" t="s">
        <v>61</v>
      </c>
      <c r="O88" s="12" t="s">
        <v>61</v>
      </c>
      <c r="P88" s="12" t="s">
        <v>61</v>
      </c>
      <c r="Q88" s="12" t="s">
        <v>61</v>
      </c>
    </row>
    <row r="89" spans="1:20" ht="21.75" customHeight="1" x14ac:dyDescent="0.15">
      <c r="A89" s="10" t="s">
        <v>11</v>
      </c>
      <c r="B89" s="11" t="s">
        <v>6</v>
      </c>
      <c r="C89" s="11" t="s">
        <v>6</v>
      </c>
      <c r="D89" s="11" t="s">
        <v>6</v>
      </c>
      <c r="E89" s="11" t="s">
        <v>6</v>
      </c>
      <c r="F89" s="11" t="s">
        <v>6</v>
      </c>
      <c r="G89" s="12">
        <v>6</v>
      </c>
      <c r="H89" s="12">
        <v>8</v>
      </c>
      <c r="I89" s="12">
        <v>5</v>
      </c>
      <c r="J89" s="12" t="s">
        <v>61</v>
      </c>
      <c r="K89" s="12" t="s">
        <v>61</v>
      </c>
      <c r="L89" s="12" t="s">
        <v>61</v>
      </c>
      <c r="M89" s="12" t="s">
        <v>61</v>
      </c>
      <c r="N89" s="12" t="s">
        <v>61</v>
      </c>
      <c r="O89" s="12" t="s">
        <v>61</v>
      </c>
      <c r="P89" s="12" t="s">
        <v>61</v>
      </c>
      <c r="Q89" s="12" t="s">
        <v>61</v>
      </c>
    </row>
    <row r="90" spans="1:20" ht="21.75" customHeight="1" x14ac:dyDescent="0.15">
      <c r="A90" s="10" t="s">
        <v>12</v>
      </c>
      <c r="B90" s="11" t="s">
        <v>6</v>
      </c>
      <c r="C90" s="11" t="s">
        <v>6</v>
      </c>
      <c r="D90" s="11" t="s">
        <v>6</v>
      </c>
      <c r="E90" s="11" t="s">
        <v>6</v>
      </c>
      <c r="F90" s="11" t="s">
        <v>6</v>
      </c>
      <c r="G90" s="12">
        <v>9</v>
      </c>
      <c r="H90" s="12">
        <v>4</v>
      </c>
      <c r="I90" s="12">
        <v>8</v>
      </c>
      <c r="J90" s="12" t="s">
        <v>61</v>
      </c>
      <c r="K90" s="12" t="s">
        <v>61</v>
      </c>
      <c r="L90" s="12" t="s">
        <v>61</v>
      </c>
      <c r="M90" s="12" t="s">
        <v>61</v>
      </c>
      <c r="N90" s="12" t="s">
        <v>61</v>
      </c>
      <c r="O90" s="12" t="s">
        <v>61</v>
      </c>
      <c r="P90" s="12" t="s">
        <v>61</v>
      </c>
      <c r="Q90" s="12" t="s">
        <v>61</v>
      </c>
    </row>
    <row r="91" spans="1:20" ht="21.75" customHeight="1" x14ac:dyDescent="0.15">
      <c r="A91" s="10" t="s">
        <v>13</v>
      </c>
      <c r="B91" s="11" t="s">
        <v>6</v>
      </c>
      <c r="C91" s="11" t="s">
        <v>6</v>
      </c>
      <c r="D91" s="11" t="s">
        <v>6</v>
      </c>
      <c r="E91" s="11" t="s">
        <v>6</v>
      </c>
      <c r="F91" s="11" t="s">
        <v>6</v>
      </c>
      <c r="G91" s="12">
        <v>2</v>
      </c>
      <c r="H91" s="12">
        <v>11</v>
      </c>
      <c r="I91" s="12">
        <v>4</v>
      </c>
      <c r="J91" s="12" t="s">
        <v>61</v>
      </c>
      <c r="K91" s="12" t="s">
        <v>61</v>
      </c>
      <c r="L91" s="12" t="s">
        <v>61</v>
      </c>
      <c r="M91" s="12" t="s">
        <v>61</v>
      </c>
      <c r="N91" s="12" t="s">
        <v>61</v>
      </c>
      <c r="O91" s="12" t="s">
        <v>61</v>
      </c>
      <c r="P91" s="12" t="s">
        <v>61</v>
      </c>
      <c r="Q91" s="12" t="s">
        <v>61</v>
      </c>
    </row>
    <row r="92" spans="1:20" ht="21.75" customHeight="1" x14ac:dyDescent="0.15">
      <c r="A92" s="10" t="s">
        <v>14</v>
      </c>
      <c r="B92" s="11" t="s">
        <v>6</v>
      </c>
      <c r="C92" s="11" t="s">
        <v>6</v>
      </c>
      <c r="D92" s="11" t="s">
        <v>6</v>
      </c>
      <c r="E92" s="11" t="s">
        <v>6</v>
      </c>
      <c r="F92" s="11" t="s">
        <v>6</v>
      </c>
      <c r="G92" s="12">
        <v>3</v>
      </c>
      <c r="H92" s="12">
        <v>2</v>
      </c>
      <c r="I92" s="12">
        <v>11</v>
      </c>
      <c r="J92" s="12" t="s">
        <v>61</v>
      </c>
      <c r="K92" s="12" t="s">
        <v>61</v>
      </c>
      <c r="L92" s="12" t="s">
        <v>61</v>
      </c>
      <c r="M92" s="12" t="s">
        <v>61</v>
      </c>
      <c r="N92" s="12" t="s">
        <v>61</v>
      </c>
      <c r="O92" s="12" t="s">
        <v>61</v>
      </c>
      <c r="P92" s="12" t="s">
        <v>61</v>
      </c>
      <c r="Q92" s="12" t="s">
        <v>61</v>
      </c>
    </row>
    <row r="93" spans="1:20" ht="21.75" customHeight="1" x14ac:dyDescent="0.15">
      <c r="A93" s="10" t="s">
        <v>15</v>
      </c>
      <c r="B93" s="11" t="s">
        <v>6</v>
      </c>
      <c r="C93" s="11" t="s">
        <v>6</v>
      </c>
      <c r="D93" s="11" t="s">
        <v>6</v>
      </c>
      <c r="E93" s="11" t="s">
        <v>6</v>
      </c>
      <c r="F93" s="11" t="s">
        <v>6</v>
      </c>
      <c r="G93" s="12">
        <v>9</v>
      </c>
      <c r="H93" s="12">
        <v>3</v>
      </c>
      <c r="I93" s="12">
        <v>2</v>
      </c>
      <c r="J93" s="12" t="s">
        <v>61</v>
      </c>
      <c r="K93" s="12" t="s">
        <v>61</v>
      </c>
      <c r="L93" s="12" t="s">
        <v>61</v>
      </c>
      <c r="M93" s="12" t="s">
        <v>61</v>
      </c>
      <c r="N93" s="12" t="s">
        <v>61</v>
      </c>
      <c r="O93" s="12" t="s">
        <v>61</v>
      </c>
      <c r="P93" s="12" t="s">
        <v>61</v>
      </c>
      <c r="Q93" s="12" t="s">
        <v>61</v>
      </c>
    </row>
    <row r="94" spans="1:20" ht="21.75" customHeight="1" x14ac:dyDescent="0.15">
      <c r="A94" s="10" t="s">
        <v>16</v>
      </c>
      <c r="B94" s="11" t="s">
        <v>6</v>
      </c>
      <c r="C94" s="11" t="s">
        <v>6</v>
      </c>
      <c r="D94" s="11" t="s">
        <v>6</v>
      </c>
      <c r="E94" s="11" t="s">
        <v>6</v>
      </c>
      <c r="F94" s="11" t="s">
        <v>6</v>
      </c>
      <c r="G94" s="12">
        <v>10</v>
      </c>
      <c r="H94" s="12">
        <v>8</v>
      </c>
      <c r="I94" s="12">
        <v>2</v>
      </c>
      <c r="J94" s="12" t="s">
        <v>61</v>
      </c>
      <c r="K94" s="12" t="s">
        <v>61</v>
      </c>
      <c r="L94" s="12" t="s">
        <v>61</v>
      </c>
      <c r="M94" s="12" t="s">
        <v>61</v>
      </c>
      <c r="N94" s="12" t="s">
        <v>61</v>
      </c>
      <c r="O94" s="12" t="s">
        <v>61</v>
      </c>
      <c r="P94" s="12" t="s">
        <v>61</v>
      </c>
      <c r="Q94" s="12" t="s">
        <v>61</v>
      </c>
    </row>
    <row r="95" spans="1:20" ht="21.75" customHeight="1" x14ac:dyDescent="0.15">
      <c r="A95" s="10" t="s">
        <v>17</v>
      </c>
      <c r="B95" s="11" t="s">
        <v>6</v>
      </c>
      <c r="C95" s="11" t="s">
        <v>6</v>
      </c>
      <c r="D95" s="11" t="s">
        <v>6</v>
      </c>
      <c r="E95" s="11" t="s">
        <v>6</v>
      </c>
      <c r="F95" s="11" t="s">
        <v>6</v>
      </c>
      <c r="G95" s="12">
        <v>9</v>
      </c>
      <c r="H95" s="12">
        <v>10</v>
      </c>
      <c r="I95" s="12">
        <v>10</v>
      </c>
      <c r="J95" s="12" t="s">
        <v>61</v>
      </c>
      <c r="K95" s="12" t="s">
        <v>61</v>
      </c>
      <c r="L95" s="12" t="s">
        <v>61</v>
      </c>
      <c r="M95" s="12" t="s">
        <v>61</v>
      </c>
      <c r="N95" s="12" t="s">
        <v>61</v>
      </c>
      <c r="O95" s="12" t="s">
        <v>61</v>
      </c>
      <c r="P95" s="12" t="s">
        <v>61</v>
      </c>
      <c r="Q95" s="12" t="s">
        <v>61</v>
      </c>
    </row>
    <row r="96" spans="1:20" ht="21.75" customHeight="1" x14ac:dyDescent="0.15">
      <c r="A96" s="10" t="s">
        <v>18</v>
      </c>
      <c r="B96" s="11" t="s">
        <v>6</v>
      </c>
      <c r="C96" s="11" t="s">
        <v>6</v>
      </c>
      <c r="D96" s="11" t="s">
        <v>6</v>
      </c>
      <c r="E96" s="11" t="s">
        <v>6</v>
      </c>
      <c r="F96" s="11" t="s">
        <v>6</v>
      </c>
      <c r="G96" s="12">
        <v>12</v>
      </c>
      <c r="H96" s="12">
        <v>9</v>
      </c>
      <c r="I96" s="12">
        <v>9</v>
      </c>
      <c r="J96" s="12" t="s">
        <v>61</v>
      </c>
      <c r="K96" s="12" t="s">
        <v>61</v>
      </c>
      <c r="L96" s="12" t="s">
        <v>61</v>
      </c>
      <c r="M96" s="12" t="s">
        <v>61</v>
      </c>
      <c r="N96" s="12" t="s">
        <v>61</v>
      </c>
      <c r="O96" s="12" t="s">
        <v>61</v>
      </c>
      <c r="P96" s="12" t="s">
        <v>61</v>
      </c>
      <c r="Q96" s="12" t="s">
        <v>61</v>
      </c>
    </row>
    <row r="97" spans="1:17" ht="21.75" customHeight="1" x14ac:dyDescent="0.15">
      <c r="A97" s="13" t="s">
        <v>19</v>
      </c>
      <c r="B97" s="14" t="s">
        <v>6</v>
      </c>
      <c r="C97" s="14" t="s">
        <v>6</v>
      </c>
      <c r="D97" s="14" t="s">
        <v>6</v>
      </c>
      <c r="E97" s="14" t="s">
        <v>6</v>
      </c>
      <c r="F97" s="14" t="s">
        <v>6</v>
      </c>
      <c r="G97" s="15">
        <v>7</v>
      </c>
      <c r="H97" s="15">
        <v>10</v>
      </c>
      <c r="I97" s="15">
        <v>8</v>
      </c>
      <c r="J97" s="15" t="s">
        <v>61</v>
      </c>
      <c r="K97" s="15" t="s">
        <v>61</v>
      </c>
      <c r="L97" s="15" t="s">
        <v>61</v>
      </c>
      <c r="M97" s="15" t="s">
        <v>61</v>
      </c>
      <c r="N97" s="15" t="s">
        <v>61</v>
      </c>
      <c r="O97" s="15" t="s">
        <v>61</v>
      </c>
      <c r="P97" s="15" t="s">
        <v>61</v>
      </c>
      <c r="Q97" s="15" t="s">
        <v>61</v>
      </c>
    </row>
    <row r="98" spans="1:17" ht="21.75" customHeight="1" x14ac:dyDescent="0.15">
      <c r="A98" s="13" t="s">
        <v>20</v>
      </c>
      <c r="B98" s="14" t="s">
        <v>6</v>
      </c>
      <c r="C98" s="14" t="s">
        <v>6</v>
      </c>
      <c r="D98" s="14" t="s">
        <v>6</v>
      </c>
      <c r="E98" s="14" t="s">
        <v>6</v>
      </c>
      <c r="F98" s="14" t="s">
        <v>6</v>
      </c>
      <c r="G98" s="15">
        <v>8</v>
      </c>
      <c r="H98" s="15">
        <v>7</v>
      </c>
      <c r="I98" s="15">
        <v>10</v>
      </c>
      <c r="J98" s="15" t="s">
        <v>61</v>
      </c>
      <c r="K98" s="15" t="s">
        <v>61</v>
      </c>
      <c r="L98" s="15" t="s">
        <v>61</v>
      </c>
      <c r="M98" s="15" t="s">
        <v>61</v>
      </c>
      <c r="N98" s="15" t="s">
        <v>61</v>
      </c>
      <c r="O98" s="15" t="s">
        <v>61</v>
      </c>
      <c r="P98" s="15" t="s">
        <v>61</v>
      </c>
      <c r="Q98" s="15" t="s">
        <v>61</v>
      </c>
    </row>
    <row r="99" spans="1:17" ht="21.75" customHeight="1" x14ac:dyDescent="0.15">
      <c r="A99" s="13" t="s">
        <v>21</v>
      </c>
      <c r="B99" s="14" t="s">
        <v>6</v>
      </c>
      <c r="C99" s="14" t="s">
        <v>6</v>
      </c>
      <c r="D99" s="14" t="s">
        <v>6</v>
      </c>
      <c r="E99" s="14" t="s">
        <v>6</v>
      </c>
      <c r="F99" s="14" t="s">
        <v>6</v>
      </c>
      <c r="G99" s="15">
        <v>11</v>
      </c>
      <c r="H99" s="15">
        <v>6</v>
      </c>
      <c r="I99" s="15">
        <v>5</v>
      </c>
      <c r="J99" s="15" t="s">
        <v>61</v>
      </c>
      <c r="K99" s="15" t="s">
        <v>61</v>
      </c>
      <c r="L99" s="15" t="s">
        <v>61</v>
      </c>
      <c r="M99" s="15" t="s">
        <v>61</v>
      </c>
      <c r="N99" s="15" t="s">
        <v>61</v>
      </c>
      <c r="O99" s="15" t="s">
        <v>61</v>
      </c>
      <c r="P99" s="15" t="s">
        <v>61</v>
      </c>
      <c r="Q99" s="15" t="s">
        <v>61</v>
      </c>
    </row>
    <row r="100" spans="1:17" ht="21.75" customHeight="1" x14ac:dyDescent="0.15">
      <c r="A100" s="13" t="s">
        <v>22</v>
      </c>
      <c r="B100" s="14" t="s">
        <v>6</v>
      </c>
      <c r="C100" s="14" t="s">
        <v>6</v>
      </c>
      <c r="D100" s="14" t="s">
        <v>6</v>
      </c>
      <c r="E100" s="14" t="s">
        <v>6</v>
      </c>
      <c r="F100" s="14" t="s">
        <v>6</v>
      </c>
      <c r="G100" s="15">
        <v>4</v>
      </c>
      <c r="H100" s="15">
        <v>9</v>
      </c>
      <c r="I100" s="15">
        <v>6</v>
      </c>
      <c r="J100" s="15" t="s">
        <v>61</v>
      </c>
      <c r="K100" s="15" t="s">
        <v>61</v>
      </c>
      <c r="L100" s="15" t="s">
        <v>61</v>
      </c>
      <c r="M100" s="15" t="s">
        <v>61</v>
      </c>
      <c r="N100" s="15" t="s">
        <v>61</v>
      </c>
      <c r="O100" s="15" t="s">
        <v>61</v>
      </c>
      <c r="P100" s="15" t="s">
        <v>61</v>
      </c>
      <c r="Q100" s="15" t="s">
        <v>61</v>
      </c>
    </row>
    <row r="101" spans="1:17" ht="21.75" customHeight="1" x14ac:dyDescent="0.15">
      <c r="A101" s="13" t="s">
        <v>23</v>
      </c>
      <c r="B101" s="14" t="s">
        <v>6</v>
      </c>
      <c r="C101" s="14" t="s">
        <v>6</v>
      </c>
      <c r="D101" s="14" t="s">
        <v>6</v>
      </c>
      <c r="E101" s="14" t="s">
        <v>6</v>
      </c>
      <c r="F101" s="14" t="s">
        <v>6</v>
      </c>
      <c r="G101" s="15">
        <v>4</v>
      </c>
      <c r="H101" s="15">
        <v>0</v>
      </c>
      <c r="I101" s="15">
        <v>6</v>
      </c>
      <c r="J101" s="15" t="s">
        <v>61</v>
      </c>
      <c r="K101" s="15" t="s">
        <v>61</v>
      </c>
      <c r="L101" s="15" t="s">
        <v>61</v>
      </c>
      <c r="M101" s="15" t="s">
        <v>61</v>
      </c>
      <c r="N101" s="15" t="s">
        <v>61</v>
      </c>
      <c r="O101" s="15" t="s">
        <v>61</v>
      </c>
      <c r="P101" s="15" t="s">
        <v>61</v>
      </c>
      <c r="Q101" s="15" t="s">
        <v>61</v>
      </c>
    </row>
    <row r="102" spans="1:17" ht="21.75" customHeight="1" x14ac:dyDescent="0.15">
      <c r="A102" s="13" t="s">
        <v>24</v>
      </c>
      <c r="B102" s="14" t="s">
        <v>6</v>
      </c>
      <c r="C102" s="14" t="s">
        <v>6</v>
      </c>
      <c r="D102" s="14" t="s">
        <v>6</v>
      </c>
      <c r="E102" s="14" t="s">
        <v>6</v>
      </c>
      <c r="F102" s="14" t="s">
        <v>6</v>
      </c>
      <c r="G102" s="15">
        <v>0</v>
      </c>
      <c r="H102" s="15">
        <v>1</v>
      </c>
      <c r="I102" s="15">
        <v>0</v>
      </c>
      <c r="J102" s="15" t="s">
        <v>61</v>
      </c>
      <c r="K102" s="15" t="s">
        <v>61</v>
      </c>
      <c r="L102" s="15" t="s">
        <v>61</v>
      </c>
      <c r="M102" s="15" t="s">
        <v>61</v>
      </c>
      <c r="N102" s="15" t="s">
        <v>61</v>
      </c>
      <c r="O102" s="15" t="s">
        <v>61</v>
      </c>
      <c r="P102" s="15" t="s">
        <v>61</v>
      </c>
      <c r="Q102" s="15" t="s">
        <v>61</v>
      </c>
    </row>
    <row r="103" spans="1:17" ht="21.75" customHeight="1" x14ac:dyDescent="0.15">
      <c r="A103" s="13" t="s">
        <v>25</v>
      </c>
      <c r="B103" s="14" t="s">
        <v>6</v>
      </c>
      <c r="C103" s="14" t="s">
        <v>6</v>
      </c>
      <c r="D103" s="14" t="s">
        <v>6</v>
      </c>
      <c r="E103" s="14" t="s">
        <v>6</v>
      </c>
      <c r="F103" s="14" t="s">
        <v>6</v>
      </c>
      <c r="G103" s="15">
        <v>0</v>
      </c>
      <c r="H103" s="15">
        <v>0</v>
      </c>
      <c r="I103" s="15">
        <v>0</v>
      </c>
      <c r="J103" s="15" t="s">
        <v>61</v>
      </c>
      <c r="K103" s="15" t="s">
        <v>61</v>
      </c>
      <c r="L103" s="15" t="s">
        <v>61</v>
      </c>
      <c r="M103" s="15" t="s">
        <v>61</v>
      </c>
      <c r="N103" s="15" t="s">
        <v>61</v>
      </c>
      <c r="O103" s="15" t="s">
        <v>61</v>
      </c>
      <c r="P103" s="15" t="s">
        <v>61</v>
      </c>
      <c r="Q103" s="15" t="s">
        <v>61</v>
      </c>
    </row>
    <row r="104" spans="1:17" ht="21.75" customHeight="1" x14ac:dyDescent="0.15">
      <c r="A104" s="13" t="s">
        <v>26</v>
      </c>
      <c r="B104" s="14" t="s">
        <v>6</v>
      </c>
      <c r="C104" s="14" t="s">
        <v>6</v>
      </c>
      <c r="D104" s="14" t="s">
        <v>6</v>
      </c>
      <c r="E104" s="14" t="s">
        <v>6</v>
      </c>
      <c r="F104" s="14" t="s">
        <v>6</v>
      </c>
      <c r="G104" s="15">
        <v>0</v>
      </c>
      <c r="H104" s="15">
        <v>0</v>
      </c>
      <c r="I104" s="15">
        <v>0</v>
      </c>
      <c r="J104" s="15" t="s">
        <v>61</v>
      </c>
      <c r="K104" s="15" t="s">
        <v>61</v>
      </c>
      <c r="L104" s="15" t="s">
        <v>61</v>
      </c>
      <c r="M104" s="15" t="s">
        <v>61</v>
      </c>
      <c r="N104" s="15" t="s">
        <v>61</v>
      </c>
      <c r="O104" s="15" t="s">
        <v>61</v>
      </c>
      <c r="P104" s="15" t="s">
        <v>61</v>
      </c>
      <c r="Q104" s="15" t="s">
        <v>61</v>
      </c>
    </row>
    <row r="105" spans="1:17" ht="21.75" customHeight="1" x14ac:dyDescent="0.15">
      <c r="A105" s="6" t="s">
        <v>38</v>
      </c>
      <c r="B105" s="16" t="s">
        <v>6</v>
      </c>
      <c r="C105" s="16" t="s">
        <v>6</v>
      </c>
      <c r="D105" s="16" t="s">
        <v>6</v>
      </c>
      <c r="E105" s="16" t="s">
        <v>6</v>
      </c>
      <c r="F105" s="16" t="s">
        <v>6</v>
      </c>
      <c r="G105" s="17">
        <v>123</v>
      </c>
      <c r="H105" s="17">
        <v>112</v>
      </c>
      <c r="I105" s="17">
        <v>102</v>
      </c>
      <c r="J105" s="17">
        <v>93</v>
      </c>
      <c r="K105" s="17">
        <v>88</v>
      </c>
      <c r="L105" s="17">
        <v>87</v>
      </c>
      <c r="M105" s="17">
        <v>85</v>
      </c>
      <c r="N105" s="17">
        <v>83</v>
      </c>
      <c r="O105" s="17">
        <v>82</v>
      </c>
      <c r="P105" s="17">
        <v>79</v>
      </c>
      <c r="Q105" s="17">
        <v>77</v>
      </c>
    </row>
    <row r="106" spans="1:17" ht="21.75" customHeight="1" x14ac:dyDescent="0.2">
      <c r="A106" s="4"/>
      <c r="B106" s="4"/>
      <c r="C106" s="4"/>
      <c r="D106" s="4"/>
      <c r="E106" s="4"/>
      <c r="F106" s="4"/>
      <c r="G106" s="4"/>
      <c r="H106" s="4"/>
      <c r="I106" s="4"/>
      <c r="J106" s="4"/>
      <c r="K106" s="4"/>
      <c r="L106" s="4"/>
      <c r="O106" s="18"/>
      <c r="P106" s="18"/>
      <c r="Q106" s="18"/>
    </row>
    <row r="107" spans="1:17" ht="21.75" customHeight="1" x14ac:dyDescent="0.2">
      <c r="A107" s="4"/>
      <c r="B107" s="4"/>
      <c r="C107" s="4"/>
      <c r="D107" s="4"/>
      <c r="E107" s="4"/>
      <c r="F107" s="4"/>
      <c r="G107" s="4"/>
      <c r="H107" s="4"/>
      <c r="I107" s="4"/>
      <c r="J107" s="4"/>
      <c r="K107" s="4"/>
      <c r="L107" s="4"/>
      <c r="O107" s="18"/>
      <c r="P107" s="18"/>
      <c r="Q107" s="18"/>
    </row>
    <row r="108" spans="1:17" s="3" customFormat="1" ht="21.75" customHeight="1" x14ac:dyDescent="0.15">
      <c r="A108" s="3" t="s">
        <v>28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15">
      <c r="A109" s="6" t="s">
        <v>1</v>
      </c>
      <c r="B109" s="6" t="s">
        <v>2</v>
      </c>
      <c r="C109" s="6">
        <v>60</v>
      </c>
      <c r="D109" s="6" t="s">
        <v>3</v>
      </c>
      <c r="E109" s="6">
        <v>7</v>
      </c>
      <c r="F109" s="6">
        <v>12</v>
      </c>
      <c r="G109" s="6">
        <v>17</v>
      </c>
      <c r="H109" s="6">
        <v>22</v>
      </c>
      <c r="I109" s="6">
        <v>27</v>
      </c>
      <c r="J109" s="6">
        <v>30</v>
      </c>
      <c r="K109" s="6" t="s">
        <v>4</v>
      </c>
      <c r="L109" s="6">
        <v>2</v>
      </c>
      <c r="M109" s="6">
        <v>3</v>
      </c>
      <c r="N109" s="6">
        <v>4</v>
      </c>
      <c r="O109" s="6">
        <v>5</v>
      </c>
      <c r="P109" s="6">
        <v>6</v>
      </c>
      <c r="Q109" s="6">
        <v>7</v>
      </c>
    </row>
    <row r="110" spans="1:17" ht="21.75" customHeight="1" x14ac:dyDescent="0.15">
      <c r="A110" s="7" t="s">
        <v>29</v>
      </c>
      <c r="B110" s="8" t="s">
        <v>6</v>
      </c>
      <c r="C110" s="8" t="s">
        <v>6</v>
      </c>
      <c r="D110" s="8" t="s">
        <v>6</v>
      </c>
      <c r="E110" s="8" t="s">
        <v>6</v>
      </c>
      <c r="F110" s="8" t="s">
        <v>6</v>
      </c>
      <c r="G110" s="9">
        <v>9</v>
      </c>
      <c r="H110" s="9">
        <v>7</v>
      </c>
      <c r="I110" s="9">
        <v>10</v>
      </c>
      <c r="J110" s="9">
        <v>9</v>
      </c>
      <c r="K110" s="9">
        <v>9</v>
      </c>
      <c r="L110" s="9">
        <v>9</v>
      </c>
      <c r="M110" s="9">
        <v>9</v>
      </c>
      <c r="N110" s="9">
        <v>8</v>
      </c>
      <c r="O110" s="9">
        <v>6</v>
      </c>
      <c r="P110" s="9">
        <v>6</v>
      </c>
      <c r="Q110" s="9">
        <v>4</v>
      </c>
    </row>
    <row r="111" spans="1:17" ht="21.75" customHeight="1" x14ac:dyDescent="0.15">
      <c r="A111" s="10" t="s">
        <v>30</v>
      </c>
      <c r="B111" s="11" t="s">
        <v>6</v>
      </c>
      <c r="C111" s="11" t="s">
        <v>6</v>
      </c>
      <c r="D111" s="11" t="s">
        <v>6</v>
      </c>
      <c r="E111" s="11" t="s">
        <v>6</v>
      </c>
      <c r="F111" s="11" t="s">
        <v>6</v>
      </c>
      <c r="G111" s="12">
        <v>80</v>
      </c>
      <c r="H111" s="12">
        <v>72</v>
      </c>
      <c r="I111" s="12">
        <v>57</v>
      </c>
      <c r="J111" s="12">
        <v>49</v>
      </c>
      <c r="K111" s="12">
        <v>43</v>
      </c>
      <c r="L111" s="12">
        <v>42</v>
      </c>
      <c r="M111" s="12">
        <v>40</v>
      </c>
      <c r="N111" s="12">
        <v>38</v>
      </c>
      <c r="O111" s="12">
        <v>35</v>
      </c>
      <c r="P111" s="12">
        <v>34</v>
      </c>
      <c r="Q111" s="12">
        <v>35</v>
      </c>
    </row>
    <row r="112" spans="1:17" ht="21.75" customHeight="1" x14ac:dyDescent="0.15">
      <c r="A112" s="13" t="s">
        <v>31</v>
      </c>
      <c r="B112" s="14" t="s">
        <v>6</v>
      </c>
      <c r="C112" s="14" t="s">
        <v>6</v>
      </c>
      <c r="D112" s="14" t="s">
        <v>6</v>
      </c>
      <c r="E112" s="14" t="s">
        <v>6</v>
      </c>
      <c r="F112" s="14" t="s">
        <v>6</v>
      </c>
      <c r="G112" s="15">
        <v>34</v>
      </c>
      <c r="H112" s="15">
        <v>33</v>
      </c>
      <c r="I112" s="15">
        <v>35</v>
      </c>
      <c r="J112" s="15">
        <v>35</v>
      </c>
      <c r="K112" s="15">
        <v>36</v>
      </c>
      <c r="L112" s="15">
        <v>36</v>
      </c>
      <c r="M112" s="15">
        <v>36</v>
      </c>
      <c r="N112" s="15">
        <v>37</v>
      </c>
      <c r="O112" s="15">
        <v>41</v>
      </c>
      <c r="P112" s="15">
        <v>39</v>
      </c>
      <c r="Q112" s="15">
        <v>38</v>
      </c>
    </row>
    <row r="113" spans="1:17" ht="21.75" customHeight="1" x14ac:dyDescent="0.15">
      <c r="A113" s="6" t="s">
        <v>32</v>
      </c>
      <c r="B113" s="16" t="s">
        <v>6</v>
      </c>
      <c r="C113" s="16" t="s">
        <v>6</v>
      </c>
      <c r="D113" s="16" t="s">
        <v>6</v>
      </c>
      <c r="E113" s="16" t="s">
        <v>6</v>
      </c>
      <c r="F113" s="16" t="s">
        <v>6</v>
      </c>
      <c r="G113" s="17">
        <v>123</v>
      </c>
      <c r="H113" s="17">
        <v>112</v>
      </c>
      <c r="I113" s="17">
        <v>102</v>
      </c>
      <c r="J113" s="17">
        <v>93</v>
      </c>
      <c r="K113" s="17">
        <v>88</v>
      </c>
      <c r="L113" s="17">
        <v>87</v>
      </c>
      <c r="M113" s="17">
        <v>85</v>
      </c>
      <c r="N113" s="17">
        <v>83</v>
      </c>
      <c r="O113" s="17">
        <v>82</v>
      </c>
      <c r="P113" s="17">
        <v>79</v>
      </c>
      <c r="Q113" s="17">
        <v>77</v>
      </c>
    </row>
    <row r="114" spans="1:17" s="5" customFormat="1" ht="21.75" customHeight="1" x14ac:dyDescent="0.15">
      <c r="A114" s="24"/>
      <c r="B114" s="25"/>
      <c r="C114" s="25"/>
      <c r="D114" s="25"/>
      <c r="E114" s="25"/>
      <c r="F114" s="25"/>
      <c r="G114" s="25"/>
      <c r="H114" s="25"/>
      <c r="I114" s="25"/>
      <c r="J114" s="25"/>
      <c r="K114" s="25"/>
      <c r="L114" s="25"/>
      <c r="M114" s="25"/>
      <c r="N114" s="25"/>
      <c r="O114" s="25"/>
      <c r="P114" s="26"/>
      <c r="Q114" s="26"/>
    </row>
    <row r="115" spans="1:17" s="5" customFormat="1" ht="21.75" customHeight="1" x14ac:dyDescent="0.15">
      <c r="A115" s="27"/>
      <c r="B115" s="26"/>
      <c r="C115" s="26"/>
      <c r="D115" s="26"/>
      <c r="E115" s="26"/>
      <c r="F115" s="26"/>
      <c r="G115" s="26"/>
      <c r="H115" s="26"/>
      <c r="I115" s="26"/>
      <c r="J115" s="26"/>
      <c r="K115" s="26"/>
      <c r="L115" s="26"/>
      <c r="M115" s="26"/>
      <c r="N115" s="26"/>
      <c r="O115" s="26"/>
      <c r="P115" s="26"/>
      <c r="Q115" s="26"/>
    </row>
    <row r="116" spans="1:17" s="3" customFormat="1" ht="21.75" customHeight="1" x14ac:dyDescent="0.15">
      <c r="A116" s="28" t="s">
        <v>33</v>
      </c>
      <c r="B116" s="29"/>
      <c r="C116" s="29"/>
      <c r="D116" s="29"/>
      <c r="E116" s="29"/>
      <c r="F116" s="29"/>
      <c r="G116" s="29"/>
      <c r="H116" s="29"/>
      <c r="I116" s="29"/>
      <c r="J116" s="29"/>
      <c r="K116" s="29"/>
      <c r="L116" s="29"/>
      <c r="M116" s="29"/>
      <c r="N116" s="29"/>
      <c r="O116" s="29"/>
      <c r="P116" s="30"/>
      <c r="Q116" s="30"/>
    </row>
    <row r="117" spans="1:17" s="5" customFormat="1" ht="21.75" customHeight="1" x14ac:dyDescent="0.15">
      <c r="A117" s="6" t="s">
        <v>1</v>
      </c>
      <c r="B117" s="6" t="s">
        <v>2</v>
      </c>
      <c r="C117" s="6">
        <v>60</v>
      </c>
      <c r="D117" s="6" t="s">
        <v>3</v>
      </c>
      <c r="E117" s="6">
        <v>7</v>
      </c>
      <c r="F117" s="6">
        <v>12</v>
      </c>
      <c r="G117" s="6">
        <v>17</v>
      </c>
      <c r="H117" s="6">
        <v>22</v>
      </c>
      <c r="I117" s="6">
        <v>27</v>
      </c>
      <c r="J117" s="6">
        <v>30</v>
      </c>
      <c r="K117" s="6" t="s">
        <v>4</v>
      </c>
      <c r="L117" s="6">
        <v>2</v>
      </c>
      <c r="M117" s="6">
        <v>3</v>
      </c>
      <c r="N117" s="6">
        <v>4</v>
      </c>
      <c r="O117" s="6">
        <v>5</v>
      </c>
      <c r="P117" s="6">
        <v>6</v>
      </c>
      <c r="Q117" s="6">
        <v>7</v>
      </c>
    </row>
    <row r="118" spans="1:17" ht="21.75" customHeight="1" x14ac:dyDescent="0.15">
      <c r="A118" s="7" t="s">
        <v>29</v>
      </c>
      <c r="B118" s="31" t="s">
        <v>6</v>
      </c>
      <c r="C118" s="31" t="s">
        <v>6</v>
      </c>
      <c r="D118" s="31" t="s">
        <v>6</v>
      </c>
      <c r="E118" s="31" t="s">
        <v>6</v>
      </c>
      <c r="F118" s="31" t="s">
        <v>6</v>
      </c>
      <c r="G118" s="42">
        <v>7.3</v>
      </c>
      <c r="H118" s="42">
        <v>6.3</v>
      </c>
      <c r="I118" s="42">
        <v>9.8000000000000007</v>
      </c>
      <c r="J118" s="42">
        <v>9.6999999999999993</v>
      </c>
      <c r="K118" s="42">
        <v>10.199999999999999</v>
      </c>
      <c r="L118" s="42">
        <v>10.3</v>
      </c>
      <c r="M118" s="42">
        <v>10.6</v>
      </c>
      <c r="N118" s="42">
        <v>9.6</v>
      </c>
      <c r="O118" s="42">
        <v>7.3</v>
      </c>
      <c r="P118" s="42">
        <v>7.6</v>
      </c>
      <c r="Q118" s="42">
        <v>5.2</v>
      </c>
    </row>
    <row r="119" spans="1:17" ht="21.75" customHeight="1" x14ac:dyDescent="0.15">
      <c r="A119" s="10" t="s">
        <v>30</v>
      </c>
      <c r="B119" s="33" t="s">
        <v>6</v>
      </c>
      <c r="C119" s="33" t="s">
        <v>6</v>
      </c>
      <c r="D119" s="33" t="s">
        <v>6</v>
      </c>
      <c r="E119" s="33" t="s">
        <v>6</v>
      </c>
      <c r="F119" s="33" t="s">
        <v>6</v>
      </c>
      <c r="G119" s="43">
        <v>65</v>
      </c>
      <c r="H119" s="43">
        <v>64.3</v>
      </c>
      <c r="I119" s="43">
        <v>55.9</v>
      </c>
      <c r="J119" s="43">
        <v>52.7</v>
      </c>
      <c r="K119" s="43">
        <v>48.9</v>
      </c>
      <c r="L119" s="43">
        <v>48.3</v>
      </c>
      <c r="M119" s="43">
        <v>47.1</v>
      </c>
      <c r="N119" s="43">
        <v>45.8</v>
      </c>
      <c r="O119" s="43">
        <v>42.7</v>
      </c>
      <c r="P119" s="43">
        <v>43</v>
      </c>
      <c r="Q119" s="43">
        <v>45.5</v>
      </c>
    </row>
    <row r="120" spans="1:17" ht="21.75" customHeight="1" x14ac:dyDescent="0.15">
      <c r="A120" s="13" t="s">
        <v>31</v>
      </c>
      <c r="B120" s="35" t="s">
        <v>6</v>
      </c>
      <c r="C120" s="35" t="s">
        <v>6</v>
      </c>
      <c r="D120" s="35" t="s">
        <v>6</v>
      </c>
      <c r="E120" s="35" t="s">
        <v>6</v>
      </c>
      <c r="F120" s="35" t="s">
        <v>6</v>
      </c>
      <c r="G120" s="44">
        <v>27.6</v>
      </c>
      <c r="H120" s="44">
        <v>29.5</v>
      </c>
      <c r="I120" s="44">
        <v>34.299999999999997</v>
      </c>
      <c r="J120" s="44">
        <v>37.6</v>
      </c>
      <c r="K120" s="44">
        <v>40.9</v>
      </c>
      <c r="L120" s="44">
        <v>41.4</v>
      </c>
      <c r="M120" s="44">
        <v>42.4</v>
      </c>
      <c r="N120" s="44">
        <v>44.6</v>
      </c>
      <c r="O120" s="44">
        <v>50</v>
      </c>
      <c r="P120" s="44">
        <v>49.4</v>
      </c>
      <c r="Q120" s="44">
        <v>49.4</v>
      </c>
    </row>
    <row r="121" spans="1:17" ht="21.75" customHeight="1" x14ac:dyDescent="0.2">
      <c r="A121" s="37" t="s">
        <v>34</v>
      </c>
      <c r="B121" s="4"/>
      <c r="C121" s="4"/>
      <c r="D121" s="4"/>
      <c r="E121" s="4"/>
      <c r="F121" s="4"/>
      <c r="G121" s="4"/>
      <c r="H121" s="4"/>
      <c r="I121" s="4"/>
      <c r="J121" s="4"/>
      <c r="K121" s="4"/>
      <c r="L121" s="4"/>
      <c r="M121" s="4"/>
      <c r="O121" s="18"/>
      <c r="P121" s="18"/>
      <c r="Q121" s="18"/>
    </row>
    <row r="122" spans="1:17" ht="21.75" customHeight="1" x14ac:dyDescent="0.2">
      <c r="A122" s="37"/>
      <c r="B122" s="4"/>
      <c r="C122" s="4"/>
      <c r="D122" s="4"/>
      <c r="E122" s="4"/>
      <c r="F122" s="4"/>
      <c r="G122" s="4"/>
      <c r="H122" s="4"/>
      <c r="I122" s="4"/>
      <c r="J122" s="4"/>
      <c r="K122" s="4"/>
      <c r="L122" s="4"/>
      <c r="M122" s="4"/>
      <c r="O122" s="18"/>
      <c r="P122" s="18"/>
      <c r="Q122" s="18"/>
    </row>
    <row r="123" spans="1:17" ht="21.75" customHeight="1" x14ac:dyDescent="0.2">
      <c r="A123" s="37"/>
      <c r="B123" s="4"/>
      <c r="C123" s="4"/>
      <c r="D123" s="4"/>
      <c r="E123" s="4"/>
      <c r="F123" s="4"/>
      <c r="G123" s="4"/>
      <c r="H123" s="4"/>
      <c r="I123" s="4"/>
      <c r="J123" s="4"/>
      <c r="K123" s="4"/>
      <c r="L123" s="4"/>
      <c r="M123" s="4"/>
      <c r="O123" s="18"/>
      <c r="P123" s="18"/>
      <c r="Q123" s="18"/>
    </row>
    <row r="124" spans="1:17" ht="21.75" customHeight="1" x14ac:dyDescent="0.2">
      <c r="A124" s="37"/>
      <c r="B124" s="4"/>
      <c r="C124" s="4"/>
      <c r="D124" s="4"/>
      <c r="E124" s="4"/>
      <c r="F124" s="4"/>
      <c r="G124" s="4"/>
      <c r="H124" s="4"/>
      <c r="I124" s="4"/>
      <c r="J124" s="4"/>
      <c r="K124" s="4"/>
      <c r="L124" s="4"/>
      <c r="M124" s="4"/>
      <c r="O124" s="18"/>
      <c r="P124" s="18"/>
      <c r="Q124" s="18"/>
    </row>
    <row r="125" spans="1:17" ht="21.75" customHeight="1" x14ac:dyDescent="0.2">
      <c r="A125" s="37"/>
      <c r="B125" s="4"/>
      <c r="C125" s="4"/>
      <c r="D125" s="4"/>
      <c r="E125" s="4"/>
      <c r="F125" s="4"/>
      <c r="G125" s="4"/>
      <c r="H125" s="4"/>
      <c r="I125" s="4"/>
      <c r="J125" s="4"/>
      <c r="K125" s="4"/>
      <c r="L125" s="4"/>
      <c r="M125" s="4"/>
      <c r="O125" s="18"/>
      <c r="P125" s="18"/>
      <c r="Q125" s="18"/>
    </row>
    <row r="126" spans="1:17" ht="21.75" customHeight="1" x14ac:dyDescent="0.2">
      <c r="A126" s="37"/>
      <c r="B126" s="4"/>
      <c r="C126" s="4"/>
      <c r="D126" s="4"/>
      <c r="E126" s="4"/>
      <c r="F126" s="4"/>
      <c r="G126" s="4"/>
      <c r="H126" s="4"/>
      <c r="I126" s="4"/>
      <c r="J126" s="4"/>
      <c r="K126" s="4"/>
      <c r="L126" s="4"/>
      <c r="M126" s="4"/>
      <c r="O126" s="18"/>
      <c r="P126" s="18"/>
      <c r="Q126" s="18"/>
    </row>
    <row r="127" spans="1:17" ht="21.75" customHeight="1" x14ac:dyDescent="0.2">
      <c r="A127" s="4"/>
      <c r="B127" s="4"/>
      <c r="C127" s="4"/>
      <c r="D127" s="4"/>
      <c r="E127" s="4"/>
      <c r="F127" s="4"/>
      <c r="G127" s="4"/>
      <c r="H127" s="4"/>
      <c r="I127" s="4"/>
      <c r="J127" s="4"/>
      <c r="K127" s="4"/>
      <c r="L127" s="4"/>
      <c r="M127" s="4"/>
      <c r="O127" s="18"/>
      <c r="P127" s="18"/>
      <c r="Q127" s="18"/>
    </row>
    <row r="128" spans="1:17" ht="21.75" customHeight="1" x14ac:dyDescent="0.2">
      <c r="A128" s="3" t="s">
        <v>47</v>
      </c>
      <c r="B128" s="4"/>
      <c r="C128" s="4"/>
      <c r="D128" s="4"/>
      <c r="E128" s="4"/>
      <c r="F128" s="4"/>
      <c r="G128" s="4"/>
      <c r="H128" s="4"/>
      <c r="I128" s="4"/>
      <c r="J128" s="4"/>
      <c r="K128" s="4"/>
      <c r="L128" s="4"/>
      <c r="M128" s="4"/>
      <c r="O128" s="18"/>
      <c r="P128" s="18"/>
      <c r="Q128" s="18"/>
    </row>
    <row r="129" spans="1:17" ht="21.75" customHeight="1" x14ac:dyDescent="0.15">
      <c r="A129" s="6" t="s">
        <v>1</v>
      </c>
      <c r="B129" s="6" t="s">
        <v>2</v>
      </c>
      <c r="C129" s="6">
        <v>60</v>
      </c>
      <c r="D129" s="6" t="s">
        <v>3</v>
      </c>
      <c r="E129" s="6">
        <v>7</v>
      </c>
      <c r="F129" s="6">
        <v>12</v>
      </c>
      <c r="G129" s="6">
        <v>17</v>
      </c>
      <c r="H129" s="6">
        <v>22</v>
      </c>
      <c r="I129" s="6">
        <v>27</v>
      </c>
      <c r="J129" s="6">
        <v>30</v>
      </c>
      <c r="K129" s="6" t="s">
        <v>4</v>
      </c>
      <c r="L129" s="6">
        <v>2</v>
      </c>
      <c r="M129" s="6">
        <v>3</v>
      </c>
      <c r="N129" s="6">
        <v>4</v>
      </c>
      <c r="O129" s="6">
        <v>5</v>
      </c>
      <c r="P129" s="6">
        <v>6</v>
      </c>
      <c r="Q129" s="6">
        <v>7</v>
      </c>
    </row>
    <row r="130" spans="1:17" ht="21.75" customHeight="1" x14ac:dyDescent="0.15">
      <c r="A130" s="7" t="s">
        <v>5</v>
      </c>
      <c r="B130" s="8" t="s">
        <v>6</v>
      </c>
      <c r="C130" s="8" t="s">
        <v>6</v>
      </c>
      <c r="D130" s="8" t="s">
        <v>6</v>
      </c>
      <c r="E130" s="8" t="s">
        <v>6</v>
      </c>
      <c r="F130" s="8" t="s">
        <v>6</v>
      </c>
      <c r="G130" s="9">
        <v>1</v>
      </c>
      <c r="H130" s="9">
        <v>4</v>
      </c>
      <c r="I130" s="9">
        <v>5</v>
      </c>
      <c r="J130" s="9" t="s">
        <v>61</v>
      </c>
      <c r="K130" s="9" t="s">
        <v>61</v>
      </c>
      <c r="L130" s="9" t="s">
        <v>61</v>
      </c>
      <c r="M130" s="9" t="s">
        <v>61</v>
      </c>
      <c r="N130" s="9" t="s">
        <v>61</v>
      </c>
      <c r="O130" s="9" t="s">
        <v>61</v>
      </c>
      <c r="P130" s="9" t="s">
        <v>61</v>
      </c>
      <c r="Q130" s="9" t="s">
        <v>61</v>
      </c>
    </row>
    <row r="131" spans="1:17" ht="21.75" customHeight="1" x14ac:dyDescent="0.15">
      <c r="A131" s="7" t="s">
        <v>7</v>
      </c>
      <c r="B131" s="8" t="s">
        <v>6</v>
      </c>
      <c r="C131" s="8" t="s">
        <v>6</v>
      </c>
      <c r="D131" s="8" t="s">
        <v>6</v>
      </c>
      <c r="E131" s="8" t="s">
        <v>6</v>
      </c>
      <c r="F131" s="8" t="s">
        <v>6</v>
      </c>
      <c r="G131" s="9">
        <v>1</v>
      </c>
      <c r="H131" s="9">
        <v>3</v>
      </c>
      <c r="I131" s="9">
        <v>4</v>
      </c>
      <c r="J131" s="9" t="s">
        <v>61</v>
      </c>
      <c r="K131" s="9" t="s">
        <v>61</v>
      </c>
      <c r="L131" s="9" t="s">
        <v>61</v>
      </c>
      <c r="M131" s="9" t="s">
        <v>61</v>
      </c>
      <c r="N131" s="9" t="s">
        <v>61</v>
      </c>
      <c r="O131" s="9" t="s">
        <v>61</v>
      </c>
      <c r="P131" s="9" t="s">
        <v>61</v>
      </c>
      <c r="Q131" s="9" t="s">
        <v>61</v>
      </c>
    </row>
    <row r="132" spans="1:17" ht="21.75" customHeight="1" x14ac:dyDescent="0.15">
      <c r="A132" s="7" t="s">
        <v>8</v>
      </c>
      <c r="B132" s="8" t="s">
        <v>6</v>
      </c>
      <c r="C132" s="8" t="s">
        <v>6</v>
      </c>
      <c r="D132" s="8" t="s">
        <v>6</v>
      </c>
      <c r="E132" s="8" t="s">
        <v>6</v>
      </c>
      <c r="F132" s="8" t="s">
        <v>6</v>
      </c>
      <c r="G132" s="9">
        <v>2</v>
      </c>
      <c r="H132" s="9">
        <v>1</v>
      </c>
      <c r="I132" s="9">
        <v>2</v>
      </c>
      <c r="J132" s="9" t="s">
        <v>61</v>
      </c>
      <c r="K132" s="9" t="s">
        <v>61</v>
      </c>
      <c r="L132" s="9" t="s">
        <v>61</v>
      </c>
      <c r="M132" s="9" t="s">
        <v>61</v>
      </c>
      <c r="N132" s="9" t="s">
        <v>61</v>
      </c>
      <c r="O132" s="9" t="s">
        <v>61</v>
      </c>
      <c r="P132" s="9" t="s">
        <v>61</v>
      </c>
      <c r="Q132" s="9" t="s">
        <v>61</v>
      </c>
    </row>
    <row r="133" spans="1:17" ht="21.75" customHeight="1" x14ac:dyDescent="0.15">
      <c r="A133" s="10" t="s">
        <v>9</v>
      </c>
      <c r="B133" s="11" t="s">
        <v>6</v>
      </c>
      <c r="C133" s="11" t="s">
        <v>6</v>
      </c>
      <c r="D133" s="11" t="s">
        <v>6</v>
      </c>
      <c r="E133" s="11" t="s">
        <v>6</v>
      </c>
      <c r="F133" s="11" t="s">
        <v>6</v>
      </c>
      <c r="G133" s="12">
        <v>12</v>
      </c>
      <c r="H133" s="12">
        <v>1</v>
      </c>
      <c r="I133" s="12">
        <v>1</v>
      </c>
      <c r="J133" s="12" t="s">
        <v>61</v>
      </c>
      <c r="K133" s="12" t="s">
        <v>61</v>
      </c>
      <c r="L133" s="12" t="s">
        <v>61</v>
      </c>
      <c r="M133" s="12" t="s">
        <v>61</v>
      </c>
      <c r="N133" s="12" t="s">
        <v>61</v>
      </c>
      <c r="O133" s="12" t="s">
        <v>61</v>
      </c>
      <c r="P133" s="12" t="s">
        <v>61</v>
      </c>
      <c r="Q133" s="12" t="s">
        <v>61</v>
      </c>
    </row>
    <row r="134" spans="1:17" ht="21.75" customHeight="1" x14ac:dyDescent="0.15">
      <c r="A134" s="10" t="s">
        <v>10</v>
      </c>
      <c r="B134" s="11" t="s">
        <v>6</v>
      </c>
      <c r="C134" s="11" t="s">
        <v>6</v>
      </c>
      <c r="D134" s="11" t="s">
        <v>6</v>
      </c>
      <c r="E134" s="11" t="s">
        <v>6</v>
      </c>
      <c r="F134" s="11" t="s">
        <v>6</v>
      </c>
      <c r="G134" s="12">
        <v>4</v>
      </c>
      <c r="H134" s="12">
        <v>13</v>
      </c>
      <c r="I134" s="12">
        <v>2</v>
      </c>
      <c r="J134" s="12" t="s">
        <v>61</v>
      </c>
      <c r="K134" s="12" t="s">
        <v>61</v>
      </c>
      <c r="L134" s="12" t="s">
        <v>61</v>
      </c>
      <c r="M134" s="12" t="s">
        <v>61</v>
      </c>
      <c r="N134" s="12" t="s">
        <v>61</v>
      </c>
      <c r="O134" s="12" t="s">
        <v>61</v>
      </c>
      <c r="P134" s="12" t="s">
        <v>61</v>
      </c>
      <c r="Q134" s="12" t="s">
        <v>61</v>
      </c>
    </row>
    <row r="135" spans="1:17" ht="21.75" customHeight="1" x14ac:dyDescent="0.15">
      <c r="A135" s="10" t="s">
        <v>11</v>
      </c>
      <c r="B135" s="11" t="s">
        <v>6</v>
      </c>
      <c r="C135" s="11" t="s">
        <v>6</v>
      </c>
      <c r="D135" s="11" t="s">
        <v>6</v>
      </c>
      <c r="E135" s="11" t="s">
        <v>6</v>
      </c>
      <c r="F135" s="11" t="s">
        <v>6</v>
      </c>
      <c r="G135" s="12">
        <v>3</v>
      </c>
      <c r="H135" s="12">
        <v>5</v>
      </c>
      <c r="I135" s="12">
        <v>11</v>
      </c>
      <c r="J135" s="12" t="s">
        <v>61</v>
      </c>
      <c r="K135" s="12" t="s">
        <v>61</v>
      </c>
      <c r="L135" s="12" t="s">
        <v>61</v>
      </c>
      <c r="M135" s="12" t="s">
        <v>61</v>
      </c>
      <c r="N135" s="12" t="s">
        <v>61</v>
      </c>
      <c r="O135" s="12" t="s">
        <v>61</v>
      </c>
      <c r="P135" s="12" t="s">
        <v>61</v>
      </c>
      <c r="Q135" s="12" t="s">
        <v>61</v>
      </c>
    </row>
    <row r="136" spans="1:17" ht="21.75" customHeight="1" x14ac:dyDescent="0.15">
      <c r="A136" s="10" t="s">
        <v>12</v>
      </c>
      <c r="B136" s="11" t="s">
        <v>6</v>
      </c>
      <c r="C136" s="11" t="s">
        <v>6</v>
      </c>
      <c r="D136" s="11" t="s">
        <v>6</v>
      </c>
      <c r="E136" s="11" t="s">
        <v>6</v>
      </c>
      <c r="F136" s="11" t="s">
        <v>6</v>
      </c>
      <c r="G136" s="12">
        <v>4</v>
      </c>
      <c r="H136" s="12">
        <v>4</v>
      </c>
      <c r="I136" s="12">
        <v>2</v>
      </c>
      <c r="J136" s="12" t="s">
        <v>61</v>
      </c>
      <c r="K136" s="12" t="s">
        <v>61</v>
      </c>
      <c r="L136" s="12" t="s">
        <v>61</v>
      </c>
      <c r="M136" s="12" t="s">
        <v>61</v>
      </c>
      <c r="N136" s="12" t="s">
        <v>61</v>
      </c>
      <c r="O136" s="12" t="s">
        <v>61</v>
      </c>
      <c r="P136" s="12" t="s">
        <v>61</v>
      </c>
      <c r="Q136" s="12" t="s">
        <v>61</v>
      </c>
    </row>
    <row r="137" spans="1:17" ht="21.75" customHeight="1" x14ac:dyDescent="0.15">
      <c r="A137" s="10" t="s">
        <v>13</v>
      </c>
      <c r="B137" s="11" t="s">
        <v>6</v>
      </c>
      <c r="C137" s="11" t="s">
        <v>6</v>
      </c>
      <c r="D137" s="11" t="s">
        <v>6</v>
      </c>
      <c r="E137" s="11" t="s">
        <v>6</v>
      </c>
      <c r="F137" s="11" t="s">
        <v>6</v>
      </c>
      <c r="G137" s="12">
        <v>3</v>
      </c>
      <c r="H137" s="12">
        <v>4</v>
      </c>
      <c r="I137" s="12">
        <v>4</v>
      </c>
      <c r="J137" s="12" t="s">
        <v>61</v>
      </c>
      <c r="K137" s="12" t="s">
        <v>61</v>
      </c>
      <c r="L137" s="12" t="s">
        <v>61</v>
      </c>
      <c r="M137" s="12" t="s">
        <v>61</v>
      </c>
      <c r="N137" s="12" t="s">
        <v>61</v>
      </c>
      <c r="O137" s="12" t="s">
        <v>61</v>
      </c>
      <c r="P137" s="12" t="s">
        <v>61</v>
      </c>
      <c r="Q137" s="12" t="s">
        <v>61</v>
      </c>
    </row>
    <row r="138" spans="1:17" ht="21.75" customHeight="1" x14ac:dyDescent="0.15">
      <c r="A138" s="10" t="s">
        <v>14</v>
      </c>
      <c r="B138" s="11" t="s">
        <v>6</v>
      </c>
      <c r="C138" s="11" t="s">
        <v>6</v>
      </c>
      <c r="D138" s="11" t="s">
        <v>6</v>
      </c>
      <c r="E138" s="11" t="s">
        <v>6</v>
      </c>
      <c r="F138" s="11" t="s">
        <v>6</v>
      </c>
      <c r="G138" s="12">
        <v>6</v>
      </c>
      <c r="H138" s="12">
        <v>2</v>
      </c>
      <c r="I138" s="12">
        <v>5</v>
      </c>
      <c r="J138" s="12" t="s">
        <v>61</v>
      </c>
      <c r="K138" s="12" t="s">
        <v>61</v>
      </c>
      <c r="L138" s="12" t="s">
        <v>61</v>
      </c>
      <c r="M138" s="12" t="s">
        <v>61</v>
      </c>
      <c r="N138" s="12" t="s">
        <v>61</v>
      </c>
      <c r="O138" s="12" t="s">
        <v>61</v>
      </c>
      <c r="P138" s="12" t="s">
        <v>61</v>
      </c>
      <c r="Q138" s="12" t="s">
        <v>61</v>
      </c>
    </row>
    <row r="139" spans="1:17" ht="21.75" customHeight="1" x14ac:dyDescent="0.15">
      <c r="A139" s="10" t="s">
        <v>15</v>
      </c>
      <c r="B139" s="11" t="s">
        <v>6</v>
      </c>
      <c r="C139" s="11" t="s">
        <v>6</v>
      </c>
      <c r="D139" s="11" t="s">
        <v>6</v>
      </c>
      <c r="E139" s="11" t="s">
        <v>6</v>
      </c>
      <c r="F139" s="11" t="s">
        <v>6</v>
      </c>
      <c r="G139" s="12">
        <v>5</v>
      </c>
      <c r="H139" s="12">
        <v>6</v>
      </c>
      <c r="I139" s="12">
        <v>2</v>
      </c>
      <c r="J139" s="12" t="s">
        <v>61</v>
      </c>
      <c r="K139" s="12" t="s">
        <v>61</v>
      </c>
      <c r="L139" s="12" t="s">
        <v>61</v>
      </c>
      <c r="M139" s="12" t="s">
        <v>61</v>
      </c>
      <c r="N139" s="12" t="s">
        <v>61</v>
      </c>
      <c r="O139" s="12" t="s">
        <v>61</v>
      </c>
      <c r="P139" s="12" t="s">
        <v>61</v>
      </c>
      <c r="Q139" s="12" t="s">
        <v>61</v>
      </c>
    </row>
    <row r="140" spans="1:17" ht="21.75" customHeight="1" x14ac:dyDescent="0.15">
      <c r="A140" s="10" t="s">
        <v>16</v>
      </c>
      <c r="B140" s="11" t="s">
        <v>6</v>
      </c>
      <c r="C140" s="11" t="s">
        <v>6</v>
      </c>
      <c r="D140" s="11" t="s">
        <v>6</v>
      </c>
      <c r="E140" s="11" t="s">
        <v>6</v>
      </c>
      <c r="F140" s="11" t="s">
        <v>6</v>
      </c>
      <c r="G140" s="12">
        <v>5</v>
      </c>
      <c r="H140" s="12">
        <v>5</v>
      </c>
      <c r="I140" s="12">
        <v>6</v>
      </c>
      <c r="J140" s="12" t="s">
        <v>61</v>
      </c>
      <c r="K140" s="12" t="s">
        <v>61</v>
      </c>
      <c r="L140" s="12" t="s">
        <v>61</v>
      </c>
      <c r="M140" s="12" t="s">
        <v>61</v>
      </c>
      <c r="N140" s="12" t="s">
        <v>61</v>
      </c>
      <c r="O140" s="12" t="s">
        <v>61</v>
      </c>
      <c r="P140" s="12" t="s">
        <v>61</v>
      </c>
      <c r="Q140" s="12" t="s">
        <v>61</v>
      </c>
    </row>
    <row r="141" spans="1:17" ht="21.75" customHeight="1" x14ac:dyDescent="0.15">
      <c r="A141" s="10" t="s">
        <v>17</v>
      </c>
      <c r="B141" s="11" t="s">
        <v>6</v>
      </c>
      <c r="C141" s="11" t="s">
        <v>6</v>
      </c>
      <c r="D141" s="11" t="s">
        <v>6</v>
      </c>
      <c r="E141" s="11" t="s">
        <v>6</v>
      </c>
      <c r="F141" s="11" t="s">
        <v>6</v>
      </c>
      <c r="G141" s="12">
        <v>11</v>
      </c>
      <c r="H141" s="12">
        <v>5</v>
      </c>
      <c r="I141" s="12">
        <v>5</v>
      </c>
      <c r="J141" s="12" t="s">
        <v>61</v>
      </c>
      <c r="K141" s="12" t="s">
        <v>61</v>
      </c>
      <c r="L141" s="12" t="s">
        <v>61</v>
      </c>
      <c r="M141" s="12" t="s">
        <v>61</v>
      </c>
      <c r="N141" s="12" t="s">
        <v>61</v>
      </c>
      <c r="O141" s="12" t="s">
        <v>61</v>
      </c>
      <c r="P141" s="12" t="s">
        <v>61</v>
      </c>
      <c r="Q141" s="12" t="s">
        <v>61</v>
      </c>
    </row>
    <row r="142" spans="1:17" ht="21.75" customHeight="1" x14ac:dyDescent="0.15">
      <c r="A142" s="10" t="s">
        <v>18</v>
      </c>
      <c r="B142" s="11" t="s">
        <v>6</v>
      </c>
      <c r="C142" s="11" t="s">
        <v>6</v>
      </c>
      <c r="D142" s="11" t="s">
        <v>6</v>
      </c>
      <c r="E142" s="11" t="s">
        <v>6</v>
      </c>
      <c r="F142" s="11" t="s">
        <v>6</v>
      </c>
      <c r="G142" s="12">
        <v>4</v>
      </c>
      <c r="H142" s="12">
        <v>11</v>
      </c>
      <c r="I142" s="12">
        <v>5</v>
      </c>
      <c r="J142" s="12" t="s">
        <v>61</v>
      </c>
      <c r="K142" s="12" t="s">
        <v>61</v>
      </c>
      <c r="L142" s="12" t="s">
        <v>61</v>
      </c>
      <c r="M142" s="12" t="s">
        <v>61</v>
      </c>
      <c r="N142" s="12" t="s">
        <v>61</v>
      </c>
      <c r="O142" s="12" t="s">
        <v>61</v>
      </c>
      <c r="P142" s="12" t="s">
        <v>61</v>
      </c>
      <c r="Q142" s="12" t="s">
        <v>61</v>
      </c>
    </row>
    <row r="143" spans="1:17" ht="21.75" customHeight="1" x14ac:dyDescent="0.15">
      <c r="A143" s="13" t="s">
        <v>19</v>
      </c>
      <c r="B143" s="14" t="s">
        <v>6</v>
      </c>
      <c r="C143" s="14" t="s">
        <v>6</v>
      </c>
      <c r="D143" s="14" t="s">
        <v>6</v>
      </c>
      <c r="E143" s="14" t="s">
        <v>6</v>
      </c>
      <c r="F143" s="14" t="s">
        <v>6</v>
      </c>
      <c r="G143" s="15">
        <v>9</v>
      </c>
      <c r="H143" s="15">
        <v>4</v>
      </c>
      <c r="I143" s="15">
        <v>10</v>
      </c>
      <c r="J143" s="15" t="s">
        <v>61</v>
      </c>
      <c r="K143" s="15" t="s">
        <v>61</v>
      </c>
      <c r="L143" s="15" t="s">
        <v>61</v>
      </c>
      <c r="M143" s="15" t="s">
        <v>61</v>
      </c>
      <c r="N143" s="15" t="s">
        <v>61</v>
      </c>
      <c r="O143" s="15" t="s">
        <v>61</v>
      </c>
      <c r="P143" s="15" t="s">
        <v>61</v>
      </c>
      <c r="Q143" s="15" t="s">
        <v>61</v>
      </c>
    </row>
    <row r="144" spans="1:17" ht="21.75" customHeight="1" x14ac:dyDescent="0.15">
      <c r="A144" s="13" t="s">
        <v>20</v>
      </c>
      <c r="B144" s="14" t="s">
        <v>6</v>
      </c>
      <c r="C144" s="14" t="s">
        <v>6</v>
      </c>
      <c r="D144" s="14" t="s">
        <v>6</v>
      </c>
      <c r="E144" s="14" t="s">
        <v>6</v>
      </c>
      <c r="F144" s="14" t="s">
        <v>6</v>
      </c>
      <c r="G144" s="15">
        <v>13</v>
      </c>
      <c r="H144" s="15">
        <v>7</v>
      </c>
      <c r="I144" s="15">
        <v>3</v>
      </c>
      <c r="J144" s="15" t="s">
        <v>61</v>
      </c>
      <c r="K144" s="15" t="s">
        <v>61</v>
      </c>
      <c r="L144" s="15" t="s">
        <v>61</v>
      </c>
      <c r="M144" s="15" t="s">
        <v>61</v>
      </c>
      <c r="N144" s="15" t="s">
        <v>61</v>
      </c>
      <c r="O144" s="15" t="s">
        <v>61</v>
      </c>
      <c r="P144" s="15" t="s">
        <v>61</v>
      </c>
      <c r="Q144" s="15" t="s">
        <v>61</v>
      </c>
    </row>
    <row r="145" spans="1:17" ht="21.75" customHeight="1" x14ac:dyDescent="0.15">
      <c r="A145" s="13" t="s">
        <v>21</v>
      </c>
      <c r="B145" s="14" t="s">
        <v>6</v>
      </c>
      <c r="C145" s="14" t="s">
        <v>6</v>
      </c>
      <c r="D145" s="14" t="s">
        <v>6</v>
      </c>
      <c r="E145" s="14" t="s">
        <v>6</v>
      </c>
      <c r="F145" s="14" t="s">
        <v>6</v>
      </c>
      <c r="G145" s="15">
        <v>9</v>
      </c>
      <c r="H145" s="15">
        <v>13</v>
      </c>
      <c r="I145" s="15">
        <v>6</v>
      </c>
      <c r="J145" s="15" t="s">
        <v>61</v>
      </c>
      <c r="K145" s="15" t="s">
        <v>61</v>
      </c>
      <c r="L145" s="15" t="s">
        <v>61</v>
      </c>
      <c r="M145" s="15" t="s">
        <v>61</v>
      </c>
      <c r="N145" s="15" t="s">
        <v>61</v>
      </c>
      <c r="O145" s="15" t="s">
        <v>61</v>
      </c>
      <c r="P145" s="15" t="s">
        <v>61</v>
      </c>
      <c r="Q145" s="15" t="s">
        <v>61</v>
      </c>
    </row>
    <row r="146" spans="1:17" ht="21.75" customHeight="1" x14ac:dyDescent="0.15">
      <c r="A146" s="13" t="s">
        <v>22</v>
      </c>
      <c r="B146" s="14" t="s">
        <v>6</v>
      </c>
      <c r="C146" s="14" t="s">
        <v>6</v>
      </c>
      <c r="D146" s="14" t="s">
        <v>6</v>
      </c>
      <c r="E146" s="14" t="s">
        <v>6</v>
      </c>
      <c r="F146" s="14" t="s">
        <v>6</v>
      </c>
      <c r="G146" s="15">
        <v>11</v>
      </c>
      <c r="H146" s="15">
        <v>8</v>
      </c>
      <c r="I146" s="15">
        <v>12</v>
      </c>
      <c r="J146" s="15" t="s">
        <v>61</v>
      </c>
      <c r="K146" s="15" t="s">
        <v>61</v>
      </c>
      <c r="L146" s="15" t="s">
        <v>61</v>
      </c>
      <c r="M146" s="15" t="s">
        <v>61</v>
      </c>
      <c r="N146" s="15" t="s">
        <v>61</v>
      </c>
      <c r="O146" s="15" t="s">
        <v>61</v>
      </c>
      <c r="P146" s="15" t="s">
        <v>61</v>
      </c>
      <c r="Q146" s="15" t="s">
        <v>61</v>
      </c>
    </row>
    <row r="147" spans="1:17" ht="21.75" customHeight="1" x14ac:dyDescent="0.15">
      <c r="A147" s="13" t="s">
        <v>23</v>
      </c>
      <c r="B147" s="14" t="s">
        <v>6</v>
      </c>
      <c r="C147" s="14" t="s">
        <v>6</v>
      </c>
      <c r="D147" s="14" t="s">
        <v>6</v>
      </c>
      <c r="E147" s="14" t="s">
        <v>6</v>
      </c>
      <c r="F147" s="14" t="s">
        <v>6</v>
      </c>
      <c r="G147" s="15">
        <v>4</v>
      </c>
      <c r="H147" s="15">
        <v>8</v>
      </c>
      <c r="I147" s="15">
        <v>4</v>
      </c>
      <c r="J147" s="15" t="s">
        <v>61</v>
      </c>
      <c r="K147" s="15" t="s">
        <v>61</v>
      </c>
      <c r="L147" s="15" t="s">
        <v>61</v>
      </c>
      <c r="M147" s="15" t="s">
        <v>61</v>
      </c>
      <c r="N147" s="15" t="s">
        <v>61</v>
      </c>
      <c r="O147" s="15" t="s">
        <v>61</v>
      </c>
      <c r="P147" s="15" t="s">
        <v>61</v>
      </c>
      <c r="Q147" s="15" t="s">
        <v>61</v>
      </c>
    </row>
    <row r="148" spans="1:17" ht="21.75" customHeight="1" x14ac:dyDescent="0.15">
      <c r="A148" s="13" t="s">
        <v>24</v>
      </c>
      <c r="B148" s="14" t="s">
        <v>6</v>
      </c>
      <c r="C148" s="14" t="s">
        <v>6</v>
      </c>
      <c r="D148" s="14" t="s">
        <v>6</v>
      </c>
      <c r="E148" s="14" t="s">
        <v>6</v>
      </c>
      <c r="F148" s="14" t="s">
        <v>6</v>
      </c>
      <c r="G148" s="15">
        <v>2</v>
      </c>
      <c r="H148" s="15">
        <v>2</v>
      </c>
      <c r="I148" s="15">
        <v>4</v>
      </c>
      <c r="J148" s="15" t="s">
        <v>61</v>
      </c>
      <c r="K148" s="15" t="s">
        <v>61</v>
      </c>
      <c r="L148" s="15" t="s">
        <v>61</v>
      </c>
      <c r="M148" s="15" t="s">
        <v>61</v>
      </c>
      <c r="N148" s="15" t="s">
        <v>61</v>
      </c>
      <c r="O148" s="15" t="s">
        <v>61</v>
      </c>
      <c r="P148" s="15" t="s">
        <v>61</v>
      </c>
      <c r="Q148" s="15" t="s">
        <v>61</v>
      </c>
    </row>
    <row r="149" spans="1:17" ht="21.75" customHeight="1" x14ac:dyDescent="0.15">
      <c r="A149" s="13" t="s">
        <v>25</v>
      </c>
      <c r="B149" s="14" t="s">
        <v>6</v>
      </c>
      <c r="C149" s="14" t="s">
        <v>6</v>
      </c>
      <c r="D149" s="14" t="s">
        <v>6</v>
      </c>
      <c r="E149" s="14" t="s">
        <v>6</v>
      </c>
      <c r="F149" s="14" t="s">
        <v>6</v>
      </c>
      <c r="G149" s="15">
        <v>2</v>
      </c>
      <c r="H149" s="15">
        <v>0</v>
      </c>
      <c r="I149" s="15">
        <v>0</v>
      </c>
      <c r="J149" s="15" t="s">
        <v>61</v>
      </c>
      <c r="K149" s="15" t="s">
        <v>61</v>
      </c>
      <c r="L149" s="15" t="s">
        <v>61</v>
      </c>
      <c r="M149" s="15" t="s">
        <v>61</v>
      </c>
      <c r="N149" s="15" t="s">
        <v>61</v>
      </c>
      <c r="O149" s="15" t="s">
        <v>61</v>
      </c>
      <c r="P149" s="15" t="s">
        <v>61</v>
      </c>
      <c r="Q149" s="15" t="s">
        <v>61</v>
      </c>
    </row>
    <row r="150" spans="1:17" ht="21.75" customHeight="1" x14ac:dyDescent="0.15">
      <c r="A150" s="13" t="s">
        <v>26</v>
      </c>
      <c r="B150" s="14" t="s">
        <v>6</v>
      </c>
      <c r="C150" s="14" t="s">
        <v>6</v>
      </c>
      <c r="D150" s="14" t="s">
        <v>6</v>
      </c>
      <c r="E150" s="14" t="s">
        <v>6</v>
      </c>
      <c r="F150" s="14" t="s">
        <v>6</v>
      </c>
      <c r="G150" s="15">
        <v>0</v>
      </c>
      <c r="H150" s="15">
        <v>0</v>
      </c>
      <c r="I150" s="15">
        <v>0</v>
      </c>
      <c r="J150" s="15" t="s">
        <v>61</v>
      </c>
      <c r="K150" s="15" t="s">
        <v>61</v>
      </c>
      <c r="L150" s="15" t="s">
        <v>61</v>
      </c>
      <c r="M150" s="15" t="s">
        <v>61</v>
      </c>
      <c r="N150" s="15" t="s">
        <v>61</v>
      </c>
      <c r="O150" s="15" t="s">
        <v>61</v>
      </c>
      <c r="P150" s="15" t="s">
        <v>61</v>
      </c>
      <c r="Q150" s="15" t="s">
        <v>61</v>
      </c>
    </row>
    <row r="151" spans="1:17" ht="21.75" customHeight="1" x14ac:dyDescent="0.15">
      <c r="A151" s="6" t="s">
        <v>40</v>
      </c>
      <c r="B151" s="16" t="s">
        <v>6</v>
      </c>
      <c r="C151" s="16" t="s">
        <v>6</v>
      </c>
      <c r="D151" s="16" t="s">
        <v>6</v>
      </c>
      <c r="E151" s="16" t="s">
        <v>6</v>
      </c>
      <c r="F151" s="16" t="s">
        <v>6</v>
      </c>
      <c r="G151" s="17">
        <v>111</v>
      </c>
      <c r="H151" s="17">
        <v>106</v>
      </c>
      <c r="I151" s="17">
        <v>93</v>
      </c>
      <c r="J151" s="17">
        <v>83</v>
      </c>
      <c r="K151" s="17">
        <v>80</v>
      </c>
      <c r="L151" s="17">
        <v>81</v>
      </c>
      <c r="M151" s="17">
        <v>80</v>
      </c>
      <c r="N151" s="17">
        <v>77</v>
      </c>
      <c r="O151" s="17">
        <v>78</v>
      </c>
      <c r="P151" s="17">
        <v>75</v>
      </c>
      <c r="Q151" s="17">
        <v>70</v>
      </c>
    </row>
    <row r="152" spans="1:17" ht="21.75" customHeight="1" x14ac:dyDescent="0.15">
      <c r="A152" s="4"/>
      <c r="B152" s="4"/>
      <c r="C152" s="4"/>
      <c r="D152" s="4"/>
      <c r="E152" s="4"/>
      <c r="F152" s="4"/>
      <c r="G152" s="4"/>
      <c r="H152" s="4"/>
      <c r="I152" s="4"/>
      <c r="J152" s="4"/>
      <c r="K152" s="4"/>
      <c r="L152" s="4"/>
    </row>
    <row r="153" spans="1:17" ht="21.75" customHeight="1" x14ac:dyDescent="0.2">
      <c r="A153" s="4"/>
      <c r="B153" s="4"/>
      <c r="C153" s="4"/>
      <c r="D153" s="4"/>
      <c r="E153" s="4"/>
      <c r="F153" s="4"/>
      <c r="G153" s="4"/>
      <c r="H153" s="4"/>
      <c r="I153" s="4"/>
      <c r="J153" s="4"/>
      <c r="K153" s="4"/>
      <c r="L153" s="4"/>
      <c r="O153" s="18"/>
      <c r="P153" s="18"/>
      <c r="Q153" s="18"/>
    </row>
    <row r="154" spans="1:17" s="3" customFormat="1" ht="21.75" customHeight="1" x14ac:dyDescent="0.15">
      <c r="A154" s="3" t="s">
        <v>28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15">
      <c r="A155" s="6" t="s">
        <v>1</v>
      </c>
      <c r="B155" s="6" t="s">
        <v>2</v>
      </c>
      <c r="C155" s="6">
        <v>60</v>
      </c>
      <c r="D155" s="6" t="s">
        <v>3</v>
      </c>
      <c r="E155" s="6">
        <v>7</v>
      </c>
      <c r="F155" s="6">
        <v>12</v>
      </c>
      <c r="G155" s="6">
        <v>17</v>
      </c>
      <c r="H155" s="6">
        <v>22</v>
      </c>
      <c r="I155" s="6">
        <v>27</v>
      </c>
      <c r="J155" s="6">
        <v>30</v>
      </c>
      <c r="K155" s="6" t="s">
        <v>4</v>
      </c>
      <c r="L155" s="6">
        <v>2</v>
      </c>
      <c r="M155" s="6">
        <v>3</v>
      </c>
      <c r="N155" s="6">
        <v>4</v>
      </c>
      <c r="O155" s="6">
        <v>5</v>
      </c>
      <c r="P155" s="6">
        <v>6</v>
      </c>
      <c r="Q155" s="6">
        <v>7</v>
      </c>
    </row>
    <row r="156" spans="1:17" ht="21.75" customHeight="1" x14ac:dyDescent="0.15">
      <c r="A156" s="7" t="s">
        <v>29</v>
      </c>
      <c r="B156" s="8" t="s">
        <v>6</v>
      </c>
      <c r="C156" s="8" t="s">
        <v>6</v>
      </c>
      <c r="D156" s="8" t="s">
        <v>6</v>
      </c>
      <c r="E156" s="8" t="s">
        <v>6</v>
      </c>
      <c r="F156" s="8" t="s">
        <v>6</v>
      </c>
      <c r="G156" s="9">
        <v>4</v>
      </c>
      <c r="H156" s="9">
        <v>8</v>
      </c>
      <c r="I156" s="9">
        <v>11</v>
      </c>
      <c r="J156" s="9">
        <v>9</v>
      </c>
      <c r="K156" s="9">
        <v>11</v>
      </c>
      <c r="L156" s="9">
        <v>10</v>
      </c>
      <c r="M156" s="9">
        <v>9</v>
      </c>
      <c r="N156" s="9">
        <v>9</v>
      </c>
      <c r="O156" s="9">
        <v>8</v>
      </c>
      <c r="P156" s="9">
        <v>8</v>
      </c>
      <c r="Q156" s="9">
        <v>5</v>
      </c>
    </row>
    <row r="157" spans="1:17" ht="21.75" customHeight="1" x14ac:dyDescent="0.15">
      <c r="A157" s="10" t="s">
        <v>30</v>
      </c>
      <c r="B157" s="11" t="s">
        <v>6</v>
      </c>
      <c r="C157" s="11" t="s">
        <v>6</v>
      </c>
      <c r="D157" s="11" t="s">
        <v>6</v>
      </c>
      <c r="E157" s="11" t="s">
        <v>6</v>
      </c>
      <c r="F157" s="11" t="s">
        <v>6</v>
      </c>
      <c r="G157" s="12">
        <v>57</v>
      </c>
      <c r="H157" s="12">
        <v>56</v>
      </c>
      <c r="I157" s="12">
        <v>43</v>
      </c>
      <c r="J157" s="12">
        <v>36</v>
      </c>
      <c r="K157" s="12">
        <v>31</v>
      </c>
      <c r="L157" s="12">
        <v>33</v>
      </c>
      <c r="M157" s="12">
        <v>33</v>
      </c>
      <c r="N157" s="12">
        <v>32</v>
      </c>
      <c r="O157" s="12">
        <v>33</v>
      </c>
      <c r="P157" s="12">
        <v>33</v>
      </c>
      <c r="Q157" s="12">
        <v>30</v>
      </c>
    </row>
    <row r="158" spans="1:17" ht="21.75" customHeight="1" x14ac:dyDescent="0.15">
      <c r="A158" s="13" t="s">
        <v>31</v>
      </c>
      <c r="B158" s="14" t="s">
        <v>6</v>
      </c>
      <c r="C158" s="14" t="s">
        <v>6</v>
      </c>
      <c r="D158" s="14" t="s">
        <v>6</v>
      </c>
      <c r="E158" s="14" t="s">
        <v>6</v>
      </c>
      <c r="F158" s="14" t="s">
        <v>6</v>
      </c>
      <c r="G158" s="15">
        <v>50</v>
      </c>
      <c r="H158" s="15">
        <v>42</v>
      </c>
      <c r="I158" s="15">
        <v>39</v>
      </c>
      <c r="J158" s="15">
        <v>38</v>
      </c>
      <c r="K158" s="15">
        <v>38</v>
      </c>
      <c r="L158" s="15">
        <v>38</v>
      </c>
      <c r="M158" s="15">
        <v>38</v>
      </c>
      <c r="N158" s="15">
        <v>36</v>
      </c>
      <c r="O158" s="15">
        <v>37</v>
      </c>
      <c r="P158" s="15">
        <v>34</v>
      </c>
      <c r="Q158" s="15">
        <v>35</v>
      </c>
    </row>
    <row r="159" spans="1:17" ht="21.75" customHeight="1" x14ac:dyDescent="0.15">
      <c r="A159" s="6" t="s">
        <v>32</v>
      </c>
      <c r="B159" s="16" t="s">
        <v>6</v>
      </c>
      <c r="C159" s="16" t="s">
        <v>6</v>
      </c>
      <c r="D159" s="16" t="s">
        <v>6</v>
      </c>
      <c r="E159" s="16" t="s">
        <v>6</v>
      </c>
      <c r="F159" s="16" t="s">
        <v>6</v>
      </c>
      <c r="G159" s="17">
        <v>111</v>
      </c>
      <c r="H159" s="17">
        <v>106</v>
      </c>
      <c r="I159" s="17">
        <v>93</v>
      </c>
      <c r="J159" s="17">
        <v>83</v>
      </c>
      <c r="K159" s="17">
        <v>80</v>
      </c>
      <c r="L159" s="17">
        <v>81</v>
      </c>
      <c r="M159" s="17">
        <v>80</v>
      </c>
      <c r="N159" s="17">
        <v>77</v>
      </c>
      <c r="O159" s="17">
        <v>78</v>
      </c>
      <c r="P159" s="17">
        <v>75</v>
      </c>
      <c r="Q159" s="17">
        <v>70</v>
      </c>
    </row>
    <row r="160" spans="1:17" s="5" customFormat="1" ht="21.75" customHeight="1" x14ac:dyDescent="0.15">
      <c r="A160" s="24"/>
      <c r="B160" s="25"/>
      <c r="C160" s="25"/>
      <c r="D160" s="25"/>
      <c r="E160" s="25"/>
      <c r="F160" s="25"/>
      <c r="G160" s="25"/>
      <c r="H160" s="25"/>
      <c r="I160" s="25"/>
      <c r="J160" s="25"/>
      <c r="K160" s="25"/>
      <c r="L160" s="25"/>
      <c r="M160" s="25"/>
      <c r="N160" s="25"/>
      <c r="O160" s="25"/>
      <c r="P160" s="26"/>
      <c r="Q160" s="26"/>
    </row>
    <row r="161" spans="1:20" s="5" customFormat="1" ht="21.75" customHeight="1" x14ac:dyDescent="0.15">
      <c r="A161" s="27"/>
      <c r="B161" s="26"/>
      <c r="C161" s="26"/>
      <c r="D161" s="26"/>
      <c r="E161" s="26"/>
      <c r="F161" s="26"/>
      <c r="G161" s="26"/>
      <c r="H161" s="26"/>
      <c r="I161" s="26"/>
      <c r="J161" s="26"/>
      <c r="K161" s="26"/>
      <c r="L161" s="26"/>
      <c r="M161" s="26"/>
      <c r="N161" s="26"/>
      <c r="O161" s="26"/>
      <c r="P161" s="26"/>
      <c r="Q161" s="26"/>
    </row>
    <row r="162" spans="1:20" s="3" customFormat="1" ht="21.75" customHeight="1" x14ac:dyDescent="0.15">
      <c r="A162" s="28" t="s">
        <v>33</v>
      </c>
      <c r="B162" s="29"/>
      <c r="C162" s="29"/>
      <c r="D162" s="29"/>
      <c r="E162" s="29"/>
      <c r="F162" s="29"/>
      <c r="G162" s="29"/>
      <c r="H162" s="29"/>
      <c r="I162" s="29"/>
      <c r="J162" s="29"/>
      <c r="K162" s="29"/>
      <c r="L162" s="29"/>
      <c r="M162" s="29"/>
      <c r="N162" s="29"/>
      <c r="O162" s="29"/>
      <c r="P162" s="30"/>
      <c r="Q162" s="30"/>
    </row>
    <row r="163" spans="1:20" s="5" customFormat="1" ht="21.75" customHeight="1" x14ac:dyDescent="0.15">
      <c r="A163" s="6" t="s">
        <v>1</v>
      </c>
      <c r="B163" s="6" t="s">
        <v>2</v>
      </c>
      <c r="C163" s="6">
        <v>60</v>
      </c>
      <c r="D163" s="6" t="s">
        <v>3</v>
      </c>
      <c r="E163" s="6">
        <v>7</v>
      </c>
      <c r="F163" s="6">
        <v>12</v>
      </c>
      <c r="G163" s="6">
        <v>17</v>
      </c>
      <c r="H163" s="6">
        <v>22</v>
      </c>
      <c r="I163" s="6">
        <v>27</v>
      </c>
      <c r="J163" s="6">
        <v>30</v>
      </c>
      <c r="K163" s="6" t="s">
        <v>4</v>
      </c>
      <c r="L163" s="6">
        <v>2</v>
      </c>
      <c r="M163" s="6">
        <v>3</v>
      </c>
      <c r="N163" s="6">
        <v>4</v>
      </c>
      <c r="O163" s="6">
        <v>5</v>
      </c>
      <c r="P163" s="6">
        <v>6</v>
      </c>
      <c r="Q163" s="6">
        <v>7</v>
      </c>
    </row>
    <row r="164" spans="1:20" ht="21.75" customHeight="1" x14ac:dyDescent="0.15">
      <c r="A164" s="7" t="s">
        <v>29</v>
      </c>
      <c r="B164" s="31" t="s">
        <v>6</v>
      </c>
      <c r="C164" s="31" t="s">
        <v>6</v>
      </c>
      <c r="D164" s="31" t="s">
        <v>6</v>
      </c>
      <c r="E164" s="31" t="s">
        <v>6</v>
      </c>
      <c r="F164" s="31" t="s">
        <v>6</v>
      </c>
      <c r="G164" s="42">
        <v>3.6</v>
      </c>
      <c r="H164" s="42">
        <v>7.5</v>
      </c>
      <c r="I164" s="42">
        <v>11.8</v>
      </c>
      <c r="J164" s="42">
        <v>10.8</v>
      </c>
      <c r="K164" s="42">
        <v>13.8</v>
      </c>
      <c r="L164" s="42">
        <v>12.3</v>
      </c>
      <c r="M164" s="42">
        <v>11.3</v>
      </c>
      <c r="N164" s="42">
        <v>11.7</v>
      </c>
      <c r="O164" s="42">
        <v>10.3</v>
      </c>
      <c r="P164" s="42">
        <v>10.7</v>
      </c>
      <c r="Q164" s="42">
        <v>7.1</v>
      </c>
    </row>
    <row r="165" spans="1:20" ht="21.75" customHeight="1" x14ac:dyDescent="0.15">
      <c r="A165" s="10" t="s">
        <v>30</v>
      </c>
      <c r="B165" s="33" t="s">
        <v>6</v>
      </c>
      <c r="C165" s="33" t="s">
        <v>6</v>
      </c>
      <c r="D165" s="33" t="s">
        <v>6</v>
      </c>
      <c r="E165" s="33" t="s">
        <v>6</v>
      </c>
      <c r="F165" s="33" t="s">
        <v>6</v>
      </c>
      <c r="G165" s="43">
        <v>51.4</v>
      </c>
      <c r="H165" s="43">
        <v>52.8</v>
      </c>
      <c r="I165" s="43">
        <v>46.2</v>
      </c>
      <c r="J165" s="43">
        <v>43.4</v>
      </c>
      <c r="K165" s="43">
        <v>38.799999999999997</v>
      </c>
      <c r="L165" s="43">
        <v>40.700000000000003</v>
      </c>
      <c r="M165" s="43">
        <v>41.3</v>
      </c>
      <c r="N165" s="43">
        <v>41.6</v>
      </c>
      <c r="O165" s="43">
        <v>42.3</v>
      </c>
      <c r="P165" s="43">
        <v>44</v>
      </c>
      <c r="Q165" s="43">
        <v>42.9</v>
      </c>
    </row>
    <row r="166" spans="1:20" ht="21.75" customHeight="1" x14ac:dyDescent="0.15">
      <c r="A166" s="13" t="s">
        <v>31</v>
      </c>
      <c r="B166" s="35" t="s">
        <v>6</v>
      </c>
      <c r="C166" s="35" t="s">
        <v>6</v>
      </c>
      <c r="D166" s="35" t="s">
        <v>6</v>
      </c>
      <c r="E166" s="35" t="s">
        <v>6</v>
      </c>
      <c r="F166" s="35" t="s">
        <v>6</v>
      </c>
      <c r="G166" s="44">
        <v>45</v>
      </c>
      <c r="H166" s="44">
        <v>39.6</v>
      </c>
      <c r="I166" s="44">
        <v>41.9</v>
      </c>
      <c r="J166" s="44">
        <v>45.8</v>
      </c>
      <c r="K166" s="44">
        <v>47.5</v>
      </c>
      <c r="L166" s="44">
        <v>46.9</v>
      </c>
      <c r="M166" s="44">
        <v>47.5</v>
      </c>
      <c r="N166" s="44">
        <v>46.8</v>
      </c>
      <c r="O166" s="44">
        <v>47.4</v>
      </c>
      <c r="P166" s="44">
        <v>45.3</v>
      </c>
      <c r="Q166" s="44">
        <v>50</v>
      </c>
    </row>
    <row r="167" spans="1:20" ht="21.75" customHeight="1" x14ac:dyDescent="0.15">
      <c r="A167" s="37" t="s">
        <v>34</v>
      </c>
      <c r="B167" s="4"/>
      <c r="C167" s="4"/>
      <c r="D167" s="4"/>
      <c r="E167" s="4"/>
      <c r="F167" s="4"/>
      <c r="G167" s="4"/>
      <c r="H167" s="4"/>
      <c r="I167" s="4"/>
      <c r="J167" s="4"/>
      <c r="K167" s="4"/>
      <c r="L167" s="4"/>
      <c r="M167" s="4"/>
      <c r="N167" s="4"/>
      <c r="O167" s="5"/>
      <c r="P167" s="5"/>
      <c r="Q167" s="5"/>
      <c r="R167" s="5"/>
      <c r="S167" s="5"/>
      <c r="T167" s="5"/>
    </row>
    <row r="168" spans="1:20" ht="23.25" customHeight="1" x14ac:dyDescent="0.15">
      <c r="A168" s="39"/>
      <c r="B168" s="39"/>
      <c r="C168" s="39"/>
      <c r="D168" s="39"/>
      <c r="E168" s="39"/>
      <c r="F168" s="39"/>
      <c r="G168" s="39"/>
      <c r="H168" s="39"/>
      <c r="I168" s="39"/>
      <c r="J168" s="39"/>
      <c r="K168" s="39"/>
      <c r="L168" s="39"/>
      <c r="M168" s="39"/>
      <c r="N168" s="39"/>
      <c r="O168" s="39"/>
      <c r="P168" s="39"/>
      <c r="Q168" s="39"/>
      <c r="R168" s="39"/>
      <c r="S168" s="39"/>
      <c r="T168" s="39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A88132-742B-48A7-B292-8AB69A5FA547}">
  <sheetPr codeName="Sheet89"/>
  <dimension ref="A1:U168"/>
  <sheetViews>
    <sheetView zoomScale="55" zoomScaleNormal="55" zoomScaleSheetLayoutView="55" workbookViewId="0"/>
  </sheetViews>
  <sheetFormatPr defaultColWidth="8.875" defaultRowHeight="23.25" customHeight="1" x14ac:dyDescent="0.15"/>
  <cols>
    <col min="1" max="1" width="14.625" style="2" customWidth="1"/>
    <col min="2" max="17" width="13.75" style="2" customWidth="1"/>
    <col min="18" max="18" width="13.625" style="2" customWidth="1"/>
    <col min="19" max="16384" width="8.875" style="2"/>
  </cols>
  <sheetData>
    <row r="1" spans="1:20" ht="23.25" customHeight="1" x14ac:dyDescent="0.15">
      <c r="A1" s="1"/>
    </row>
    <row r="3" spans="1:20" ht="23.25" customHeight="1" x14ac:dyDescent="0.15">
      <c r="A3" s="3" t="s">
        <v>48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5"/>
      <c r="P3" s="5"/>
      <c r="Q3" s="5"/>
      <c r="R3" s="5"/>
      <c r="S3" s="5"/>
      <c r="T3" s="5"/>
    </row>
    <row r="4" spans="1:20" ht="23.25" customHeight="1" x14ac:dyDescent="0.15">
      <c r="A4" s="6" t="s">
        <v>1</v>
      </c>
      <c r="B4" s="6" t="s">
        <v>2</v>
      </c>
      <c r="C4" s="6">
        <v>60</v>
      </c>
      <c r="D4" s="6" t="s">
        <v>3</v>
      </c>
      <c r="E4" s="6">
        <v>7</v>
      </c>
      <c r="F4" s="6">
        <v>12</v>
      </c>
      <c r="G4" s="6">
        <v>17</v>
      </c>
      <c r="H4" s="6">
        <v>22</v>
      </c>
      <c r="I4" s="6">
        <v>27</v>
      </c>
      <c r="J4" s="6">
        <v>30</v>
      </c>
      <c r="K4" s="6" t="s">
        <v>4</v>
      </c>
      <c r="L4" s="6">
        <v>2</v>
      </c>
      <c r="M4" s="6">
        <v>3</v>
      </c>
      <c r="N4" s="6">
        <v>4</v>
      </c>
      <c r="O4" s="6">
        <v>5</v>
      </c>
      <c r="P4" s="6">
        <v>6</v>
      </c>
      <c r="Q4" s="6">
        <v>7</v>
      </c>
    </row>
    <row r="5" spans="1:20" ht="23.25" customHeight="1" x14ac:dyDescent="0.15">
      <c r="A5" s="7" t="s">
        <v>5</v>
      </c>
      <c r="B5" s="8" t="s">
        <v>6</v>
      </c>
      <c r="C5" s="8" t="s">
        <v>6</v>
      </c>
      <c r="D5" s="8" t="s">
        <v>6</v>
      </c>
      <c r="E5" s="8" t="s">
        <v>6</v>
      </c>
      <c r="F5" s="8" t="s">
        <v>6</v>
      </c>
      <c r="G5" s="9">
        <v>11</v>
      </c>
      <c r="H5" s="9">
        <v>13</v>
      </c>
      <c r="I5" s="9">
        <v>8</v>
      </c>
      <c r="J5" s="9">
        <v>7</v>
      </c>
      <c r="K5" s="9">
        <v>7</v>
      </c>
      <c r="L5" s="9">
        <v>5</v>
      </c>
      <c r="M5" s="9">
        <v>5</v>
      </c>
      <c r="N5" s="9">
        <v>3</v>
      </c>
      <c r="O5" s="9">
        <v>3</v>
      </c>
      <c r="P5" s="9">
        <v>2</v>
      </c>
      <c r="Q5" s="9">
        <v>1</v>
      </c>
    </row>
    <row r="6" spans="1:20" ht="23.25" customHeight="1" x14ac:dyDescent="0.15">
      <c r="A6" s="7" t="s">
        <v>7</v>
      </c>
      <c r="B6" s="8" t="s">
        <v>6</v>
      </c>
      <c r="C6" s="8" t="s">
        <v>6</v>
      </c>
      <c r="D6" s="8" t="s">
        <v>6</v>
      </c>
      <c r="E6" s="8" t="s">
        <v>6</v>
      </c>
      <c r="F6" s="8" t="s">
        <v>6</v>
      </c>
      <c r="G6" s="9">
        <v>4</v>
      </c>
      <c r="H6" s="9">
        <v>10</v>
      </c>
      <c r="I6" s="9">
        <v>11</v>
      </c>
      <c r="J6" s="9">
        <v>8</v>
      </c>
      <c r="K6" s="9">
        <v>6</v>
      </c>
      <c r="L6" s="9">
        <v>7</v>
      </c>
      <c r="M6" s="9">
        <v>7</v>
      </c>
      <c r="N6" s="9">
        <v>6</v>
      </c>
      <c r="O6" s="9">
        <v>6</v>
      </c>
      <c r="P6" s="9">
        <v>7</v>
      </c>
      <c r="Q6" s="9">
        <v>5</v>
      </c>
    </row>
    <row r="7" spans="1:20" ht="23.25" customHeight="1" x14ac:dyDescent="0.15">
      <c r="A7" s="7" t="s">
        <v>8</v>
      </c>
      <c r="B7" s="8" t="s">
        <v>6</v>
      </c>
      <c r="C7" s="8" t="s">
        <v>6</v>
      </c>
      <c r="D7" s="8" t="s">
        <v>6</v>
      </c>
      <c r="E7" s="8" t="s">
        <v>6</v>
      </c>
      <c r="F7" s="8" t="s">
        <v>6</v>
      </c>
      <c r="G7" s="9">
        <v>8</v>
      </c>
      <c r="H7" s="9">
        <v>5</v>
      </c>
      <c r="I7" s="9">
        <v>13</v>
      </c>
      <c r="J7" s="9">
        <v>13</v>
      </c>
      <c r="K7" s="9">
        <v>12</v>
      </c>
      <c r="L7" s="9">
        <v>11</v>
      </c>
      <c r="M7" s="9">
        <v>10</v>
      </c>
      <c r="N7" s="9">
        <v>9</v>
      </c>
      <c r="O7" s="9">
        <v>7</v>
      </c>
      <c r="P7" s="9">
        <v>6</v>
      </c>
      <c r="Q7" s="9">
        <v>7</v>
      </c>
    </row>
    <row r="8" spans="1:20" ht="23.25" customHeight="1" x14ac:dyDescent="0.15">
      <c r="A8" s="10" t="s">
        <v>9</v>
      </c>
      <c r="B8" s="11" t="s">
        <v>6</v>
      </c>
      <c r="C8" s="11" t="s">
        <v>6</v>
      </c>
      <c r="D8" s="11" t="s">
        <v>6</v>
      </c>
      <c r="E8" s="11" t="s">
        <v>6</v>
      </c>
      <c r="F8" s="11" t="s">
        <v>6</v>
      </c>
      <c r="G8" s="12">
        <v>16</v>
      </c>
      <c r="H8" s="12">
        <v>7</v>
      </c>
      <c r="I8" s="12">
        <v>7</v>
      </c>
      <c r="J8" s="12">
        <v>13</v>
      </c>
      <c r="K8" s="12">
        <v>11</v>
      </c>
      <c r="L8" s="12">
        <v>14</v>
      </c>
      <c r="M8" s="12">
        <v>12</v>
      </c>
      <c r="N8" s="12">
        <v>12</v>
      </c>
      <c r="O8" s="12">
        <v>13</v>
      </c>
      <c r="P8" s="12">
        <v>11</v>
      </c>
      <c r="Q8" s="12">
        <v>10</v>
      </c>
    </row>
    <row r="9" spans="1:20" ht="23.25" customHeight="1" x14ac:dyDescent="0.15">
      <c r="A9" s="10" t="s">
        <v>10</v>
      </c>
      <c r="B9" s="11" t="s">
        <v>6</v>
      </c>
      <c r="C9" s="11" t="s">
        <v>6</v>
      </c>
      <c r="D9" s="11" t="s">
        <v>6</v>
      </c>
      <c r="E9" s="11" t="s">
        <v>6</v>
      </c>
      <c r="F9" s="11" t="s">
        <v>6</v>
      </c>
      <c r="G9" s="12">
        <v>22</v>
      </c>
      <c r="H9" s="12">
        <v>14</v>
      </c>
      <c r="I9" s="12">
        <v>7</v>
      </c>
      <c r="J9" s="12">
        <v>2</v>
      </c>
      <c r="K9" s="12">
        <v>5</v>
      </c>
      <c r="L9" s="12">
        <v>6</v>
      </c>
      <c r="M9" s="12">
        <v>6</v>
      </c>
      <c r="N9" s="12">
        <v>9</v>
      </c>
      <c r="O9" s="12">
        <v>11</v>
      </c>
      <c r="P9" s="12">
        <v>10</v>
      </c>
      <c r="Q9" s="12">
        <v>11</v>
      </c>
    </row>
    <row r="10" spans="1:20" ht="23.25" customHeight="1" x14ac:dyDescent="0.15">
      <c r="A10" s="10" t="s">
        <v>11</v>
      </c>
      <c r="B10" s="11" t="s">
        <v>6</v>
      </c>
      <c r="C10" s="11" t="s">
        <v>6</v>
      </c>
      <c r="D10" s="11" t="s">
        <v>6</v>
      </c>
      <c r="E10" s="11" t="s">
        <v>6</v>
      </c>
      <c r="F10" s="11" t="s">
        <v>6</v>
      </c>
      <c r="G10" s="12">
        <v>21</v>
      </c>
      <c r="H10" s="12">
        <v>18</v>
      </c>
      <c r="I10" s="12">
        <v>11</v>
      </c>
      <c r="J10" s="12">
        <v>6</v>
      </c>
      <c r="K10" s="12">
        <v>7</v>
      </c>
      <c r="L10" s="12">
        <v>8</v>
      </c>
      <c r="M10" s="12">
        <v>5</v>
      </c>
      <c r="N10" s="12">
        <v>3</v>
      </c>
      <c r="O10" s="12">
        <v>2</v>
      </c>
      <c r="P10" s="12">
        <v>4</v>
      </c>
      <c r="Q10" s="12">
        <v>3</v>
      </c>
    </row>
    <row r="11" spans="1:20" ht="23.25" customHeight="1" x14ac:dyDescent="0.15">
      <c r="A11" s="10" t="s">
        <v>12</v>
      </c>
      <c r="B11" s="11" t="s">
        <v>6</v>
      </c>
      <c r="C11" s="11" t="s">
        <v>6</v>
      </c>
      <c r="D11" s="11" t="s">
        <v>6</v>
      </c>
      <c r="E11" s="11" t="s">
        <v>6</v>
      </c>
      <c r="F11" s="11" t="s">
        <v>6</v>
      </c>
      <c r="G11" s="12">
        <v>35</v>
      </c>
      <c r="H11" s="12">
        <v>20</v>
      </c>
      <c r="I11" s="12">
        <v>12</v>
      </c>
      <c r="J11" s="12">
        <v>12</v>
      </c>
      <c r="K11" s="12">
        <v>9</v>
      </c>
      <c r="L11" s="12">
        <v>9</v>
      </c>
      <c r="M11" s="12">
        <v>11</v>
      </c>
      <c r="N11" s="12">
        <v>10</v>
      </c>
      <c r="O11" s="12">
        <v>8</v>
      </c>
      <c r="P11" s="12">
        <v>8</v>
      </c>
      <c r="Q11" s="12">
        <v>9</v>
      </c>
    </row>
    <row r="12" spans="1:20" ht="23.25" customHeight="1" x14ac:dyDescent="0.15">
      <c r="A12" s="10" t="s">
        <v>13</v>
      </c>
      <c r="B12" s="11" t="s">
        <v>6</v>
      </c>
      <c r="C12" s="11" t="s">
        <v>6</v>
      </c>
      <c r="D12" s="11" t="s">
        <v>6</v>
      </c>
      <c r="E12" s="11" t="s">
        <v>6</v>
      </c>
      <c r="F12" s="11" t="s">
        <v>6</v>
      </c>
      <c r="G12" s="12">
        <v>42</v>
      </c>
      <c r="H12" s="12">
        <v>37</v>
      </c>
      <c r="I12" s="12">
        <v>19</v>
      </c>
      <c r="J12" s="12">
        <v>14</v>
      </c>
      <c r="K12" s="12">
        <v>14</v>
      </c>
      <c r="L12" s="12">
        <v>12</v>
      </c>
      <c r="M12" s="12">
        <v>8</v>
      </c>
      <c r="N12" s="12">
        <v>8</v>
      </c>
      <c r="O12" s="12">
        <v>9</v>
      </c>
      <c r="P12" s="12">
        <v>6</v>
      </c>
      <c r="Q12" s="12">
        <v>7</v>
      </c>
    </row>
    <row r="13" spans="1:20" ht="23.25" customHeight="1" x14ac:dyDescent="0.15">
      <c r="A13" s="10" t="s">
        <v>14</v>
      </c>
      <c r="B13" s="11" t="s">
        <v>6</v>
      </c>
      <c r="C13" s="11" t="s">
        <v>6</v>
      </c>
      <c r="D13" s="11" t="s">
        <v>6</v>
      </c>
      <c r="E13" s="11" t="s">
        <v>6</v>
      </c>
      <c r="F13" s="11" t="s">
        <v>6</v>
      </c>
      <c r="G13" s="12">
        <v>14</v>
      </c>
      <c r="H13" s="12">
        <v>42</v>
      </c>
      <c r="I13" s="12">
        <v>34</v>
      </c>
      <c r="J13" s="12">
        <v>29</v>
      </c>
      <c r="K13" s="12">
        <v>21</v>
      </c>
      <c r="L13" s="12">
        <v>19</v>
      </c>
      <c r="M13" s="12">
        <v>19</v>
      </c>
      <c r="N13" s="12">
        <v>16</v>
      </c>
      <c r="O13" s="12">
        <v>15</v>
      </c>
      <c r="P13" s="12">
        <v>15</v>
      </c>
      <c r="Q13" s="12">
        <v>14</v>
      </c>
    </row>
    <row r="14" spans="1:20" ht="23.25" customHeight="1" x14ac:dyDescent="0.15">
      <c r="A14" s="10" t="s">
        <v>15</v>
      </c>
      <c r="B14" s="11" t="s">
        <v>6</v>
      </c>
      <c r="C14" s="11" t="s">
        <v>6</v>
      </c>
      <c r="D14" s="11" t="s">
        <v>6</v>
      </c>
      <c r="E14" s="11" t="s">
        <v>6</v>
      </c>
      <c r="F14" s="11" t="s">
        <v>6</v>
      </c>
      <c r="G14" s="12">
        <v>22</v>
      </c>
      <c r="H14" s="12">
        <v>12</v>
      </c>
      <c r="I14" s="12">
        <v>29</v>
      </c>
      <c r="J14" s="12">
        <v>31</v>
      </c>
      <c r="K14" s="12">
        <v>33</v>
      </c>
      <c r="L14" s="12">
        <v>32</v>
      </c>
      <c r="M14" s="12">
        <v>33</v>
      </c>
      <c r="N14" s="12">
        <v>29</v>
      </c>
      <c r="O14" s="12">
        <v>28</v>
      </c>
      <c r="P14" s="12">
        <v>22</v>
      </c>
      <c r="Q14" s="12">
        <v>17</v>
      </c>
    </row>
    <row r="15" spans="1:20" ht="23.25" customHeight="1" x14ac:dyDescent="0.15">
      <c r="A15" s="10" t="s">
        <v>16</v>
      </c>
      <c r="B15" s="11" t="s">
        <v>6</v>
      </c>
      <c r="C15" s="11" t="s">
        <v>6</v>
      </c>
      <c r="D15" s="11" t="s">
        <v>6</v>
      </c>
      <c r="E15" s="11" t="s">
        <v>6</v>
      </c>
      <c r="F15" s="11" t="s">
        <v>6</v>
      </c>
      <c r="G15" s="12">
        <v>30</v>
      </c>
      <c r="H15" s="12">
        <v>22</v>
      </c>
      <c r="I15" s="12">
        <v>13</v>
      </c>
      <c r="J15" s="12">
        <v>23</v>
      </c>
      <c r="K15" s="12">
        <v>25</v>
      </c>
      <c r="L15" s="12">
        <v>28</v>
      </c>
      <c r="M15" s="12">
        <v>29</v>
      </c>
      <c r="N15" s="12">
        <v>31</v>
      </c>
      <c r="O15" s="12">
        <v>31</v>
      </c>
      <c r="P15" s="12">
        <v>34</v>
      </c>
      <c r="Q15" s="12">
        <v>30</v>
      </c>
    </row>
    <row r="16" spans="1:20" ht="23.25" customHeight="1" x14ac:dyDescent="0.15">
      <c r="A16" s="10" t="s">
        <v>17</v>
      </c>
      <c r="B16" s="11" t="s">
        <v>6</v>
      </c>
      <c r="C16" s="11" t="s">
        <v>6</v>
      </c>
      <c r="D16" s="11" t="s">
        <v>6</v>
      </c>
      <c r="E16" s="11" t="s">
        <v>6</v>
      </c>
      <c r="F16" s="11" t="s">
        <v>6</v>
      </c>
      <c r="G16" s="12">
        <v>29</v>
      </c>
      <c r="H16" s="12">
        <v>29</v>
      </c>
      <c r="I16" s="12">
        <v>19</v>
      </c>
      <c r="J16" s="12">
        <v>11</v>
      </c>
      <c r="K16" s="12">
        <v>12</v>
      </c>
      <c r="L16" s="12">
        <v>12</v>
      </c>
      <c r="M16" s="12">
        <v>13</v>
      </c>
      <c r="N16" s="12">
        <v>16</v>
      </c>
      <c r="O16" s="12">
        <v>20</v>
      </c>
      <c r="P16" s="12">
        <v>19</v>
      </c>
      <c r="Q16" s="12">
        <v>23</v>
      </c>
    </row>
    <row r="17" spans="1:17" ht="23.25" customHeight="1" x14ac:dyDescent="0.15">
      <c r="A17" s="10" t="s">
        <v>18</v>
      </c>
      <c r="B17" s="11" t="s">
        <v>6</v>
      </c>
      <c r="C17" s="11" t="s">
        <v>6</v>
      </c>
      <c r="D17" s="11" t="s">
        <v>6</v>
      </c>
      <c r="E17" s="11" t="s">
        <v>6</v>
      </c>
      <c r="F17" s="11" t="s">
        <v>6</v>
      </c>
      <c r="G17" s="12">
        <v>16</v>
      </c>
      <c r="H17" s="12">
        <v>29</v>
      </c>
      <c r="I17" s="12">
        <v>28</v>
      </c>
      <c r="J17" s="12">
        <v>24</v>
      </c>
      <c r="K17" s="12">
        <v>21</v>
      </c>
      <c r="L17" s="12">
        <v>18</v>
      </c>
      <c r="M17" s="12">
        <v>14</v>
      </c>
      <c r="N17" s="12">
        <v>14</v>
      </c>
      <c r="O17" s="12">
        <v>9</v>
      </c>
      <c r="P17" s="12">
        <v>11</v>
      </c>
      <c r="Q17" s="12">
        <v>12</v>
      </c>
    </row>
    <row r="18" spans="1:17" ht="23.25" customHeight="1" x14ac:dyDescent="0.15">
      <c r="A18" s="13" t="s">
        <v>19</v>
      </c>
      <c r="B18" s="14" t="s">
        <v>6</v>
      </c>
      <c r="C18" s="14" t="s">
        <v>6</v>
      </c>
      <c r="D18" s="14" t="s">
        <v>6</v>
      </c>
      <c r="E18" s="14" t="s">
        <v>6</v>
      </c>
      <c r="F18" s="14" t="s">
        <v>6</v>
      </c>
      <c r="G18" s="15">
        <v>22</v>
      </c>
      <c r="H18" s="15">
        <v>15</v>
      </c>
      <c r="I18" s="15">
        <v>27</v>
      </c>
      <c r="J18" s="15">
        <v>32</v>
      </c>
      <c r="K18" s="15">
        <v>27</v>
      </c>
      <c r="L18" s="15">
        <v>26</v>
      </c>
      <c r="M18" s="15">
        <v>27</v>
      </c>
      <c r="N18" s="15">
        <v>26</v>
      </c>
      <c r="O18" s="15">
        <v>25</v>
      </c>
      <c r="P18" s="15">
        <v>21</v>
      </c>
      <c r="Q18" s="15">
        <v>17</v>
      </c>
    </row>
    <row r="19" spans="1:17" ht="23.25" customHeight="1" x14ac:dyDescent="0.15">
      <c r="A19" s="13" t="s">
        <v>20</v>
      </c>
      <c r="B19" s="14" t="s">
        <v>6</v>
      </c>
      <c r="C19" s="14" t="s">
        <v>6</v>
      </c>
      <c r="D19" s="14" t="s">
        <v>6</v>
      </c>
      <c r="E19" s="14" t="s">
        <v>6</v>
      </c>
      <c r="F19" s="14" t="s">
        <v>6</v>
      </c>
      <c r="G19" s="15">
        <v>18</v>
      </c>
      <c r="H19" s="15">
        <v>19</v>
      </c>
      <c r="I19" s="15">
        <v>15</v>
      </c>
      <c r="J19" s="15">
        <v>16</v>
      </c>
      <c r="K19" s="15">
        <v>22</v>
      </c>
      <c r="L19" s="15">
        <v>26</v>
      </c>
      <c r="M19" s="15">
        <v>31</v>
      </c>
      <c r="N19" s="15">
        <v>23</v>
      </c>
      <c r="O19" s="15">
        <v>29</v>
      </c>
      <c r="P19" s="15">
        <v>25</v>
      </c>
      <c r="Q19" s="15">
        <v>25</v>
      </c>
    </row>
    <row r="20" spans="1:17" ht="23.25" customHeight="1" x14ac:dyDescent="0.15">
      <c r="A20" s="13" t="s">
        <v>21</v>
      </c>
      <c r="B20" s="14" t="s">
        <v>6</v>
      </c>
      <c r="C20" s="14" t="s">
        <v>6</v>
      </c>
      <c r="D20" s="14" t="s">
        <v>6</v>
      </c>
      <c r="E20" s="14" t="s">
        <v>6</v>
      </c>
      <c r="F20" s="14" t="s">
        <v>6</v>
      </c>
      <c r="G20" s="15">
        <v>26</v>
      </c>
      <c r="H20" s="15">
        <v>17</v>
      </c>
      <c r="I20" s="15">
        <v>15</v>
      </c>
      <c r="J20" s="15">
        <v>15</v>
      </c>
      <c r="K20" s="15">
        <v>16</v>
      </c>
      <c r="L20" s="15">
        <v>14</v>
      </c>
      <c r="M20" s="15">
        <v>10</v>
      </c>
      <c r="N20" s="15">
        <v>18</v>
      </c>
      <c r="O20" s="15">
        <v>14</v>
      </c>
      <c r="P20" s="15">
        <v>21</v>
      </c>
      <c r="Q20" s="15">
        <v>25</v>
      </c>
    </row>
    <row r="21" spans="1:17" ht="23.25" customHeight="1" x14ac:dyDescent="0.15">
      <c r="A21" s="13" t="s">
        <v>22</v>
      </c>
      <c r="B21" s="14" t="s">
        <v>6</v>
      </c>
      <c r="C21" s="14" t="s">
        <v>6</v>
      </c>
      <c r="D21" s="14" t="s">
        <v>6</v>
      </c>
      <c r="E21" s="14" t="s">
        <v>6</v>
      </c>
      <c r="F21" s="14" t="s">
        <v>6</v>
      </c>
      <c r="G21" s="15">
        <v>13</v>
      </c>
      <c r="H21" s="15">
        <v>21</v>
      </c>
      <c r="I21" s="15">
        <v>16</v>
      </c>
      <c r="J21" s="15">
        <v>13</v>
      </c>
      <c r="K21" s="15">
        <v>10</v>
      </c>
      <c r="L21" s="15">
        <v>10</v>
      </c>
      <c r="M21" s="15">
        <v>12</v>
      </c>
      <c r="N21" s="15">
        <v>11</v>
      </c>
      <c r="O21" s="15">
        <v>14</v>
      </c>
      <c r="P21" s="15">
        <v>15</v>
      </c>
      <c r="Q21" s="15">
        <v>12</v>
      </c>
    </row>
    <row r="22" spans="1:17" ht="23.25" customHeight="1" x14ac:dyDescent="0.15">
      <c r="A22" s="13" t="s">
        <v>23</v>
      </c>
      <c r="B22" s="14" t="s">
        <v>6</v>
      </c>
      <c r="C22" s="14" t="s">
        <v>6</v>
      </c>
      <c r="D22" s="14" t="s">
        <v>6</v>
      </c>
      <c r="E22" s="14" t="s">
        <v>6</v>
      </c>
      <c r="F22" s="14" t="s">
        <v>6</v>
      </c>
      <c r="G22" s="15">
        <v>2</v>
      </c>
      <c r="H22" s="15">
        <v>10</v>
      </c>
      <c r="I22" s="15">
        <v>18</v>
      </c>
      <c r="J22" s="15">
        <v>15</v>
      </c>
      <c r="K22" s="15">
        <v>13</v>
      </c>
      <c r="L22" s="15">
        <v>11</v>
      </c>
      <c r="M22" s="15">
        <v>11</v>
      </c>
      <c r="N22" s="15">
        <v>9</v>
      </c>
      <c r="O22" s="15">
        <v>9</v>
      </c>
      <c r="P22" s="15">
        <v>8</v>
      </c>
      <c r="Q22" s="15">
        <v>8</v>
      </c>
    </row>
    <row r="23" spans="1:17" ht="23.25" customHeight="1" x14ac:dyDescent="0.15">
      <c r="A23" s="13" t="s">
        <v>24</v>
      </c>
      <c r="B23" s="14" t="s">
        <v>6</v>
      </c>
      <c r="C23" s="14" t="s">
        <v>6</v>
      </c>
      <c r="D23" s="14" t="s">
        <v>6</v>
      </c>
      <c r="E23" s="14" t="s">
        <v>6</v>
      </c>
      <c r="F23" s="14" t="s">
        <v>6</v>
      </c>
      <c r="G23" s="15">
        <v>3</v>
      </c>
      <c r="H23" s="15">
        <v>1</v>
      </c>
      <c r="I23" s="15">
        <v>6</v>
      </c>
      <c r="J23" s="15">
        <v>10</v>
      </c>
      <c r="K23" s="15">
        <v>9</v>
      </c>
      <c r="L23" s="15">
        <v>11</v>
      </c>
      <c r="M23" s="15">
        <v>9</v>
      </c>
      <c r="N23" s="15">
        <v>10</v>
      </c>
      <c r="O23" s="15">
        <v>7</v>
      </c>
      <c r="P23" s="15">
        <v>3</v>
      </c>
      <c r="Q23" s="15">
        <v>3</v>
      </c>
    </row>
    <row r="24" spans="1:17" ht="23.25" customHeight="1" x14ac:dyDescent="0.15">
      <c r="A24" s="13" t="s">
        <v>25</v>
      </c>
      <c r="B24" s="14" t="s">
        <v>6</v>
      </c>
      <c r="C24" s="14" t="s">
        <v>6</v>
      </c>
      <c r="D24" s="14" t="s">
        <v>6</v>
      </c>
      <c r="E24" s="14" t="s">
        <v>6</v>
      </c>
      <c r="F24" s="14" t="s">
        <v>6</v>
      </c>
      <c r="G24" s="15">
        <v>1</v>
      </c>
      <c r="H24" s="15">
        <v>1</v>
      </c>
      <c r="I24" s="15">
        <v>0</v>
      </c>
      <c r="J24" s="15">
        <v>1</v>
      </c>
      <c r="K24" s="15">
        <v>3</v>
      </c>
      <c r="L24" s="15">
        <v>2</v>
      </c>
      <c r="M24" s="15">
        <v>4</v>
      </c>
      <c r="N24" s="15">
        <v>4</v>
      </c>
      <c r="O24" s="15">
        <v>6</v>
      </c>
      <c r="P24" s="15">
        <v>7</v>
      </c>
      <c r="Q24" s="15">
        <v>5</v>
      </c>
    </row>
    <row r="25" spans="1:17" ht="23.25" customHeight="1" x14ac:dyDescent="0.15">
      <c r="A25" s="13" t="s">
        <v>26</v>
      </c>
      <c r="B25" s="14" t="s">
        <v>6</v>
      </c>
      <c r="C25" s="14" t="s">
        <v>6</v>
      </c>
      <c r="D25" s="14" t="s">
        <v>6</v>
      </c>
      <c r="E25" s="14" t="s">
        <v>6</v>
      </c>
      <c r="F25" s="14" t="s">
        <v>6</v>
      </c>
      <c r="G25" s="15">
        <v>0</v>
      </c>
      <c r="H25" s="15">
        <v>0</v>
      </c>
      <c r="I25" s="15">
        <v>0</v>
      </c>
      <c r="J25" s="15">
        <v>0</v>
      </c>
      <c r="K25" s="15">
        <v>0</v>
      </c>
      <c r="L25" s="15">
        <v>0</v>
      </c>
      <c r="M25" s="15">
        <v>0</v>
      </c>
      <c r="N25" s="15">
        <v>0</v>
      </c>
      <c r="O25" s="15">
        <v>0</v>
      </c>
      <c r="P25" s="15">
        <v>2</v>
      </c>
      <c r="Q25" s="15">
        <v>1</v>
      </c>
    </row>
    <row r="26" spans="1:17" ht="23.25" customHeight="1" x14ac:dyDescent="0.15">
      <c r="A26" s="6" t="s">
        <v>27</v>
      </c>
      <c r="B26" s="16" t="s">
        <v>6</v>
      </c>
      <c r="C26" s="16" t="s">
        <v>6</v>
      </c>
      <c r="D26" s="16" t="s">
        <v>6</v>
      </c>
      <c r="E26" s="16" t="s">
        <v>6</v>
      </c>
      <c r="F26" s="16" t="s">
        <v>6</v>
      </c>
      <c r="G26" s="17">
        <v>355</v>
      </c>
      <c r="H26" s="17">
        <v>342</v>
      </c>
      <c r="I26" s="17">
        <v>308</v>
      </c>
      <c r="J26" s="17">
        <v>295</v>
      </c>
      <c r="K26" s="17">
        <v>283</v>
      </c>
      <c r="L26" s="17">
        <v>281</v>
      </c>
      <c r="M26" s="17">
        <v>276</v>
      </c>
      <c r="N26" s="17">
        <v>267</v>
      </c>
      <c r="O26" s="17">
        <v>266</v>
      </c>
      <c r="P26" s="17">
        <v>257</v>
      </c>
      <c r="Q26" s="17">
        <v>245</v>
      </c>
    </row>
    <row r="27" spans="1:17" ht="23.25" customHeight="1" x14ac:dyDescent="0.15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ht="20.100000000000001" customHeight="1" x14ac:dyDescent="0.2">
      <c r="A28" s="4"/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O28" s="18"/>
      <c r="P28" s="18"/>
      <c r="Q28" s="18"/>
    </row>
    <row r="29" spans="1:17" s="3" customFormat="1" ht="21.75" customHeight="1" x14ac:dyDescent="0.15">
      <c r="A29" s="3" t="s">
        <v>28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15">
      <c r="A30" s="6" t="s">
        <v>1</v>
      </c>
      <c r="B30" s="6" t="s">
        <v>2</v>
      </c>
      <c r="C30" s="6">
        <v>60</v>
      </c>
      <c r="D30" s="6" t="s">
        <v>3</v>
      </c>
      <c r="E30" s="6">
        <v>7</v>
      </c>
      <c r="F30" s="6">
        <v>12</v>
      </c>
      <c r="G30" s="6">
        <v>17</v>
      </c>
      <c r="H30" s="6">
        <v>22</v>
      </c>
      <c r="I30" s="6">
        <v>27</v>
      </c>
      <c r="J30" s="6">
        <v>30</v>
      </c>
      <c r="K30" s="6" t="s">
        <v>4</v>
      </c>
      <c r="L30" s="6">
        <v>2</v>
      </c>
      <c r="M30" s="6">
        <v>3</v>
      </c>
      <c r="N30" s="6">
        <v>4</v>
      </c>
      <c r="O30" s="6">
        <v>5</v>
      </c>
      <c r="P30" s="6">
        <v>6</v>
      </c>
      <c r="Q30" s="6">
        <v>7</v>
      </c>
    </row>
    <row r="31" spans="1:17" ht="23.25" customHeight="1" x14ac:dyDescent="0.15">
      <c r="A31" s="7" t="s">
        <v>29</v>
      </c>
      <c r="B31" s="8" t="s">
        <v>6</v>
      </c>
      <c r="C31" s="8" t="s">
        <v>6</v>
      </c>
      <c r="D31" s="8" t="s">
        <v>6</v>
      </c>
      <c r="E31" s="8" t="s">
        <v>6</v>
      </c>
      <c r="F31" s="8" t="s">
        <v>6</v>
      </c>
      <c r="G31" s="20">
        <v>23</v>
      </c>
      <c r="H31" s="20">
        <v>28</v>
      </c>
      <c r="I31" s="20">
        <v>32</v>
      </c>
      <c r="J31" s="20">
        <v>28</v>
      </c>
      <c r="K31" s="20">
        <v>25</v>
      </c>
      <c r="L31" s="20">
        <v>23</v>
      </c>
      <c r="M31" s="20">
        <v>22</v>
      </c>
      <c r="N31" s="20">
        <v>18</v>
      </c>
      <c r="O31" s="20">
        <v>16</v>
      </c>
      <c r="P31" s="20">
        <v>15</v>
      </c>
      <c r="Q31" s="20">
        <v>13</v>
      </c>
    </row>
    <row r="32" spans="1:17" ht="23.25" customHeight="1" x14ac:dyDescent="0.15">
      <c r="A32" s="10" t="s">
        <v>30</v>
      </c>
      <c r="B32" s="11" t="s">
        <v>6</v>
      </c>
      <c r="C32" s="11" t="s">
        <v>6</v>
      </c>
      <c r="D32" s="11" t="s">
        <v>6</v>
      </c>
      <c r="E32" s="11" t="s">
        <v>6</v>
      </c>
      <c r="F32" s="11" t="s">
        <v>6</v>
      </c>
      <c r="G32" s="21">
        <v>247</v>
      </c>
      <c r="H32" s="21">
        <v>230</v>
      </c>
      <c r="I32" s="21">
        <v>179</v>
      </c>
      <c r="J32" s="21">
        <v>165</v>
      </c>
      <c r="K32" s="21">
        <v>158</v>
      </c>
      <c r="L32" s="21">
        <v>158</v>
      </c>
      <c r="M32" s="21">
        <v>150</v>
      </c>
      <c r="N32" s="21">
        <v>148</v>
      </c>
      <c r="O32" s="21">
        <v>146</v>
      </c>
      <c r="P32" s="21">
        <v>140</v>
      </c>
      <c r="Q32" s="21">
        <v>136</v>
      </c>
    </row>
    <row r="33" spans="1:21" ht="23.25" customHeight="1" x14ac:dyDescent="0.15">
      <c r="A33" s="13" t="s">
        <v>31</v>
      </c>
      <c r="B33" s="14" t="s">
        <v>6</v>
      </c>
      <c r="C33" s="14" t="s">
        <v>6</v>
      </c>
      <c r="D33" s="14" t="s">
        <v>6</v>
      </c>
      <c r="E33" s="14" t="s">
        <v>6</v>
      </c>
      <c r="F33" s="14" t="s">
        <v>6</v>
      </c>
      <c r="G33" s="22">
        <v>85</v>
      </c>
      <c r="H33" s="22">
        <v>84</v>
      </c>
      <c r="I33" s="22">
        <v>97</v>
      </c>
      <c r="J33" s="22">
        <v>102</v>
      </c>
      <c r="K33" s="22">
        <v>100</v>
      </c>
      <c r="L33" s="22">
        <v>100</v>
      </c>
      <c r="M33" s="22">
        <v>104</v>
      </c>
      <c r="N33" s="22">
        <v>101</v>
      </c>
      <c r="O33" s="22">
        <v>104</v>
      </c>
      <c r="P33" s="22">
        <v>102</v>
      </c>
      <c r="Q33" s="22">
        <v>96</v>
      </c>
    </row>
    <row r="34" spans="1:21" ht="23.25" customHeight="1" x14ac:dyDescent="0.15">
      <c r="A34" s="6" t="s">
        <v>32</v>
      </c>
      <c r="B34" s="16" t="s">
        <v>6</v>
      </c>
      <c r="C34" s="16" t="s">
        <v>6</v>
      </c>
      <c r="D34" s="16" t="s">
        <v>6</v>
      </c>
      <c r="E34" s="16" t="s">
        <v>6</v>
      </c>
      <c r="F34" s="16" t="s">
        <v>6</v>
      </c>
      <c r="G34" s="23">
        <v>355</v>
      </c>
      <c r="H34" s="23">
        <v>342</v>
      </c>
      <c r="I34" s="23">
        <v>308</v>
      </c>
      <c r="J34" s="23">
        <v>295</v>
      </c>
      <c r="K34" s="23">
        <v>283</v>
      </c>
      <c r="L34" s="23">
        <v>281</v>
      </c>
      <c r="M34" s="23">
        <v>276</v>
      </c>
      <c r="N34" s="23">
        <v>267</v>
      </c>
      <c r="O34" s="23">
        <v>266</v>
      </c>
      <c r="P34" s="23">
        <v>257</v>
      </c>
      <c r="Q34" s="23">
        <v>245</v>
      </c>
    </row>
    <row r="35" spans="1:21" s="5" customFormat="1" ht="21.75" customHeight="1" x14ac:dyDescent="0.15">
      <c r="A35" s="24"/>
      <c r="B35" s="25"/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6"/>
      <c r="Q35" s="26"/>
    </row>
    <row r="36" spans="1:21" s="5" customFormat="1" ht="21.75" customHeight="1" x14ac:dyDescent="0.15">
      <c r="A36" s="27"/>
      <c r="B36" s="26"/>
      <c r="C36" s="26"/>
      <c r="D36" s="26"/>
      <c r="E36" s="26"/>
      <c r="F36" s="26"/>
      <c r="G36" s="26"/>
      <c r="H36" s="26"/>
      <c r="I36" s="26"/>
      <c r="J36" s="26"/>
      <c r="K36" s="26"/>
      <c r="L36" s="26"/>
      <c r="M36" s="26"/>
      <c r="N36" s="26"/>
      <c r="O36" s="26"/>
      <c r="P36" s="26"/>
      <c r="Q36" s="26"/>
    </row>
    <row r="37" spans="1:21" s="3" customFormat="1" ht="21.75" customHeight="1" x14ac:dyDescent="0.15">
      <c r="A37" s="28" t="s">
        <v>33</v>
      </c>
      <c r="B37" s="29"/>
      <c r="C37" s="29"/>
      <c r="D37" s="29"/>
      <c r="E37" s="29"/>
      <c r="F37" s="29"/>
      <c r="G37" s="29"/>
      <c r="H37" s="29"/>
      <c r="I37" s="29"/>
      <c r="J37" s="29"/>
      <c r="K37" s="29"/>
      <c r="L37" s="29"/>
      <c r="M37" s="29"/>
      <c r="N37" s="29"/>
      <c r="O37" s="29"/>
      <c r="P37" s="30"/>
      <c r="Q37" s="30"/>
    </row>
    <row r="38" spans="1:21" s="5" customFormat="1" ht="21.75" customHeight="1" x14ac:dyDescent="0.15">
      <c r="A38" s="6" t="s">
        <v>1</v>
      </c>
      <c r="B38" s="6" t="s">
        <v>2</v>
      </c>
      <c r="C38" s="6">
        <v>60</v>
      </c>
      <c r="D38" s="6" t="s">
        <v>3</v>
      </c>
      <c r="E38" s="6">
        <v>7</v>
      </c>
      <c r="F38" s="6">
        <v>12</v>
      </c>
      <c r="G38" s="6">
        <v>17</v>
      </c>
      <c r="H38" s="6">
        <v>22</v>
      </c>
      <c r="I38" s="6">
        <v>27</v>
      </c>
      <c r="J38" s="6">
        <v>30</v>
      </c>
      <c r="K38" s="6" t="s">
        <v>4</v>
      </c>
      <c r="L38" s="6">
        <v>2</v>
      </c>
      <c r="M38" s="6">
        <v>3</v>
      </c>
      <c r="N38" s="6">
        <v>4</v>
      </c>
      <c r="O38" s="6">
        <v>5</v>
      </c>
      <c r="P38" s="6">
        <v>6</v>
      </c>
      <c r="Q38" s="6">
        <v>7</v>
      </c>
    </row>
    <row r="39" spans="1:21" ht="23.25" customHeight="1" x14ac:dyDescent="0.15">
      <c r="A39" s="7" t="s">
        <v>29</v>
      </c>
      <c r="B39" s="31" t="s">
        <v>6</v>
      </c>
      <c r="C39" s="31" t="s">
        <v>6</v>
      </c>
      <c r="D39" s="31" t="s">
        <v>6</v>
      </c>
      <c r="E39" s="31" t="s">
        <v>6</v>
      </c>
      <c r="F39" s="31" t="s">
        <v>6</v>
      </c>
      <c r="G39" s="32">
        <v>6.5</v>
      </c>
      <c r="H39" s="32">
        <v>8.1999999999999993</v>
      </c>
      <c r="I39" s="32">
        <v>10.4</v>
      </c>
      <c r="J39" s="32">
        <v>9.5</v>
      </c>
      <c r="K39" s="32">
        <v>8.8000000000000007</v>
      </c>
      <c r="L39" s="32">
        <v>8.1999999999999993</v>
      </c>
      <c r="M39" s="32">
        <v>8</v>
      </c>
      <c r="N39" s="32">
        <v>6.7</v>
      </c>
      <c r="O39" s="32">
        <v>6</v>
      </c>
      <c r="P39" s="32">
        <v>5.8</v>
      </c>
      <c r="Q39" s="32">
        <v>5.3</v>
      </c>
    </row>
    <row r="40" spans="1:21" ht="23.25" customHeight="1" x14ac:dyDescent="0.15">
      <c r="A40" s="10" t="s">
        <v>30</v>
      </c>
      <c r="B40" s="33" t="s">
        <v>6</v>
      </c>
      <c r="C40" s="33" t="s">
        <v>6</v>
      </c>
      <c r="D40" s="33" t="s">
        <v>6</v>
      </c>
      <c r="E40" s="33" t="s">
        <v>6</v>
      </c>
      <c r="F40" s="33" t="s">
        <v>6</v>
      </c>
      <c r="G40" s="34">
        <v>69.599999999999994</v>
      </c>
      <c r="H40" s="34">
        <v>67.3</v>
      </c>
      <c r="I40" s="34">
        <v>58.1</v>
      </c>
      <c r="J40" s="34">
        <v>55.9</v>
      </c>
      <c r="K40" s="34">
        <v>55.8</v>
      </c>
      <c r="L40" s="34">
        <v>56.2</v>
      </c>
      <c r="M40" s="34">
        <v>54.3</v>
      </c>
      <c r="N40" s="34">
        <v>55.4</v>
      </c>
      <c r="O40" s="34">
        <v>54.9</v>
      </c>
      <c r="P40" s="34">
        <v>54.5</v>
      </c>
      <c r="Q40" s="34">
        <v>55.5</v>
      </c>
    </row>
    <row r="41" spans="1:21" ht="23.25" customHeight="1" x14ac:dyDescent="0.15">
      <c r="A41" s="13" t="s">
        <v>31</v>
      </c>
      <c r="B41" s="35" t="s">
        <v>6</v>
      </c>
      <c r="C41" s="35" t="s">
        <v>6</v>
      </c>
      <c r="D41" s="35" t="s">
        <v>6</v>
      </c>
      <c r="E41" s="35" t="s">
        <v>6</v>
      </c>
      <c r="F41" s="35" t="s">
        <v>6</v>
      </c>
      <c r="G41" s="36">
        <v>23.9</v>
      </c>
      <c r="H41" s="36">
        <v>24.6</v>
      </c>
      <c r="I41" s="36">
        <v>31.5</v>
      </c>
      <c r="J41" s="36">
        <v>34.6</v>
      </c>
      <c r="K41" s="36">
        <v>35.299999999999997</v>
      </c>
      <c r="L41" s="36">
        <v>35.6</v>
      </c>
      <c r="M41" s="36">
        <v>37.700000000000003</v>
      </c>
      <c r="N41" s="36">
        <v>37.799999999999997</v>
      </c>
      <c r="O41" s="36">
        <v>39.1</v>
      </c>
      <c r="P41" s="36">
        <v>39.700000000000003</v>
      </c>
      <c r="Q41" s="36">
        <v>39.200000000000003</v>
      </c>
    </row>
    <row r="42" spans="1:21" ht="23.25" customHeight="1" x14ac:dyDescent="0.15">
      <c r="A42" s="37" t="s">
        <v>34</v>
      </c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5"/>
      <c r="P42" s="5"/>
      <c r="Q42" s="5"/>
      <c r="R42" s="5"/>
      <c r="S42" s="5"/>
      <c r="T42" s="5"/>
    </row>
    <row r="43" spans="1:21" ht="23.25" customHeight="1" x14ac:dyDescent="0.15">
      <c r="A43" s="38"/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</row>
    <row r="44" spans="1:21" ht="23.25" customHeight="1" x14ac:dyDescent="0.15">
      <c r="A44" s="38"/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</row>
    <row r="45" spans="1:21" ht="23.25" customHeight="1" x14ac:dyDescent="0.15">
      <c r="A45" s="38"/>
      <c r="B45" s="5"/>
      <c r="C45" s="5"/>
      <c r="D45" s="5"/>
      <c r="E45" s="5"/>
      <c r="F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</row>
    <row r="46" spans="1:21" ht="23.25" customHeight="1" x14ac:dyDescent="0.15">
      <c r="A46" s="38"/>
      <c r="B46" s="5"/>
      <c r="C46" s="5"/>
      <c r="D46" s="5"/>
      <c r="E46" s="5"/>
      <c r="F46" s="5"/>
      <c r="L46" s="5"/>
      <c r="M46" s="5"/>
      <c r="N46" s="5"/>
      <c r="O46" s="5"/>
      <c r="P46" s="5"/>
      <c r="Q46" s="5"/>
      <c r="R46" s="5"/>
      <c r="S46" s="5"/>
      <c r="T46" s="5"/>
    </row>
    <row r="47" spans="1:21" ht="23.25" customHeight="1" thickBot="1" x14ac:dyDescent="0.2">
      <c r="A47" s="5"/>
      <c r="B47" s="5"/>
      <c r="C47" s="5"/>
      <c r="D47" s="5"/>
      <c r="E47" s="5"/>
      <c r="F47" s="5"/>
      <c r="G47" s="5"/>
      <c r="L47" s="5"/>
      <c r="M47" s="5"/>
      <c r="N47" s="5"/>
      <c r="O47" s="5"/>
      <c r="P47" s="5"/>
      <c r="Q47" s="5"/>
      <c r="R47" s="5"/>
      <c r="S47" s="5"/>
      <c r="T47" s="5"/>
    </row>
    <row r="48" spans="1:21" ht="23.25" customHeight="1" thickTop="1" x14ac:dyDescent="0.15">
      <c r="A48" s="5"/>
      <c r="B48" s="5"/>
      <c r="C48" s="47" t="s">
        <v>35</v>
      </c>
      <c r="D48" s="48"/>
      <c r="E48" s="48"/>
      <c r="F48" s="49"/>
      <c r="J48" s="47" t="s">
        <v>36</v>
      </c>
      <c r="K48" s="48"/>
      <c r="L48" s="48"/>
      <c r="M48" s="48"/>
      <c r="N48" s="48"/>
      <c r="O48" s="49"/>
      <c r="P48" s="5"/>
      <c r="Q48" s="5"/>
      <c r="R48" s="5"/>
      <c r="S48" s="5"/>
      <c r="T48" s="5"/>
      <c r="U48" s="5"/>
    </row>
    <row r="49" spans="1:21" ht="23.25" customHeight="1" thickBot="1" x14ac:dyDescent="0.2">
      <c r="A49" s="5"/>
      <c r="B49" s="5"/>
      <c r="C49" s="50"/>
      <c r="D49" s="51"/>
      <c r="E49" s="51"/>
      <c r="F49" s="52"/>
      <c r="J49" s="50"/>
      <c r="K49" s="51"/>
      <c r="L49" s="51"/>
      <c r="M49" s="51"/>
      <c r="N49" s="51"/>
      <c r="O49" s="52"/>
      <c r="P49" s="5"/>
      <c r="Q49" s="5"/>
      <c r="R49" s="5"/>
      <c r="S49" s="5"/>
      <c r="T49" s="5"/>
      <c r="U49" s="5"/>
    </row>
    <row r="50" spans="1:21" ht="23.25" customHeight="1" thickTop="1" x14ac:dyDescent="0.2">
      <c r="A50" s="5"/>
      <c r="B50" s="5"/>
      <c r="C50" s="39"/>
      <c r="D50" s="39"/>
      <c r="E50" s="39"/>
      <c r="F50" s="5"/>
      <c r="L50" s="40"/>
      <c r="M50" s="40"/>
      <c r="N50" s="40"/>
      <c r="O50" s="5"/>
      <c r="P50" s="5"/>
      <c r="Q50" s="5"/>
      <c r="R50" s="5"/>
      <c r="S50" s="41"/>
      <c r="T50" s="5"/>
    </row>
    <row r="51" spans="1:21" ht="23.25" customHeight="1" x14ac:dyDescent="0.2">
      <c r="A51" s="5"/>
      <c r="B51" s="41"/>
      <c r="C51" s="41"/>
      <c r="D51" s="41"/>
      <c r="E51" s="41"/>
      <c r="F51" s="40"/>
      <c r="G51" s="40"/>
      <c r="H51" s="40"/>
      <c r="I51" s="40"/>
      <c r="J51" s="40"/>
      <c r="K51" s="40"/>
      <c r="L51" s="40"/>
      <c r="M51" s="40"/>
      <c r="N51" s="40"/>
      <c r="O51" s="5"/>
      <c r="P51" s="5"/>
      <c r="Q51" s="5"/>
      <c r="R51" s="5"/>
      <c r="S51" s="41"/>
      <c r="T51" s="5"/>
    </row>
    <row r="52" spans="1:21" ht="23.25" customHeight="1" x14ac:dyDescent="0.15">
      <c r="A52" s="5"/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</row>
    <row r="53" spans="1:21" ht="23.25" customHeight="1" x14ac:dyDescent="0.15">
      <c r="A53" s="5"/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</row>
    <row r="54" spans="1:21" ht="23.25" customHeight="1" x14ac:dyDescent="0.15">
      <c r="A54" s="5"/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  <c r="T54" s="5"/>
    </row>
    <row r="55" spans="1:21" ht="23.25" customHeight="1" x14ac:dyDescent="0.15">
      <c r="A55" s="5"/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  <c r="T55" s="5"/>
    </row>
    <row r="56" spans="1:21" ht="23.25" customHeight="1" x14ac:dyDescent="0.15">
      <c r="A56" s="5"/>
      <c r="B56" s="5"/>
      <c r="C56" s="5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  <c r="S56" s="5"/>
      <c r="T56" s="5"/>
    </row>
    <row r="57" spans="1:21" ht="23.25" customHeight="1" x14ac:dyDescent="0.15">
      <c r="A57" s="5"/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</row>
    <row r="58" spans="1:21" ht="23.25" customHeight="1" x14ac:dyDescent="0.15">
      <c r="A58" s="5"/>
      <c r="B58" s="5"/>
      <c r="C58" s="5"/>
      <c r="D58" s="5"/>
      <c r="E58" s="5"/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  <c r="R58" s="5"/>
      <c r="S58" s="5"/>
      <c r="T58" s="5"/>
    </row>
    <row r="59" spans="1:21" ht="23.25" customHeight="1" x14ac:dyDescent="0.15">
      <c r="A59" s="5"/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  <c r="S59" s="5"/>
      <c r="T59" s="5"/>
    </row>
    <row r="60" spans="1:21" ht="23.25" customHeight="1" x14ac:dyDescent="0.15">
      <c r="A60" s="5"/>
      <c r="B60" s="5"/>
      <c r="C60" s="5"/>
      <c r="D60" s="5"/>
      <c r="E60" s="5"/>
      <c r="F60" s="5"/>
      <c r="G60" s="5"/>
      <c r="H60" s="5"/>
      <c r="I60" s="5"/>
      <c r="J60" s="5"/>
      <c r="K60" s="5"/>
      <c r="L60" s="5"/>
      <c r="M60" s="5"/>
      <c r="N60" s="5"/>
      <c r="O60" s="5"/>
      <c r="P60" s="5"/>
      <c r="Q60" s="5"/>
      <c r="R60" s="5"/>
      <c r="S60" s="5"/>
      <c r="T60" s="5"/>
    </row>
    <row r="61" spans="1:21" ht="23.25" customHeight="1" x14ac:dyDescent="0.15">
      <c r="A61" s="5"/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</row>
    <row r="62" spans="1:21" ht="23.25" customHeight="1" x14ac:dyDescent="0.15">
      <c r="A62" s="5"/>
      <c r="B62" s="5"/>
      <c r="C62" s="5"/>
      <c r="D62" s="5"/>
      <c r="E62" s="5"/>
      <c r="F62" s="5"/>
      <c r="G62" s="5"/>
      <c r="H62" s="5"/>
      <c r="I62" s="5"/>
      <c r="J62" s="5"/>
      <c r="K62" s="5"/>
      <c r="L62" s="5"/>
      <c r="M62" s="5"/>
      <c r="N62" s="5"/>
      <c r="O62" s="5"/>
      <c r="P62" s="5"/>
      <c r="Q62" s="5"/>
      <c r="R62" s="5"/>
      <c r="S62" s="5"/>
      <c r="T62" s="5"/>
    </row>
    <row r="63" spans="1:21" ht="23.25" customHeight="1" x14ac:dyDescent="0.15">
      <c r="A63" s="5"/>
      <c r="B63" s="5"/>
      <c r="C63" s="5"/>
      <c r="D63" s="5"/>
      <c r="E63" s="5"/>
      <c r="F63" s="5"/>
      <c r="G63" s="5"/>
      <c r="H63" s="5"/>
      <c r="I63" s="5"/>
      <c r="J63" s="5"/>
      <c r="K63" s="5"/>
      <c r="L63" s="5"/>
      <c r="M63" s="5"/>
      <c r="N63" s="5"/>
      <c r="O63" s="5"/>
      <c r="P63" s="5"/>
      <c r="Q63" s="5"/>
      <c r="R63" s="5"/>
      <c r="S63" s="5"/>
      <c r="T63" s="5"/>
    </row>
    <row r="64" spans="1:21" ht="23.25" customHeight="1" x14ac:dyDescent="0.15">
      <c r="A64" s="5"/>
      <c r="B64" s="5"/>
      <c r="C64" s="5"/>
      <c r="D64" s="5"/>
      <c r="E64" s="5"/>
      <c r="F64" s="5"/>
      <c r="G64" s="5"/>
      <c r="H64" s="5"/>
      <c r="I64" s="5"/>
      <c r="J64" s="5"/>
      <c r="K64" s="5"/>
      <c r="L64" s="5"/>
      <c r="M64" s="5"/>
      <c r="N64" s="5"/>
      <c r="O64" s="5"/>
      <c r="P64" s="5"/>
      <c r="Q64" s="5"/>
      <c r="R64" s="5"/>
      <c r="S64" s="5"/>
      <c r="T64" s="5"/>
    </row>
    <row r="65" spans="1:20" ht="23.25" customHeight="1" x14ac:dyDescent="0.15">
      <c r="A65" s="5"/>
      <c r="B65" s="5"/>
      <c r="C65" s="5"/>
      <c r="D65" s="5"/>
      <c r="E65" s="5"/>
      <c r="F65" s="5"/>
      <c r="G65" s="5"/>
      <c r="H65" s="5"/>
      <c r="I65" s="5"/>
      <c r="J65" s="5"/>
      <c r="K65" s="5"/>
      <c r="L65" s="5"/>
      <c r="M65" s="5"/>
      <c r="N65" s="5"/>
      <c r="O65" s="5"/>
      <c r="P65" s="5"/>
      <c r="Q65" s="5"/>
      <c r="R65" s="5"/>
      <c r="S65" s="5"/>
      <c r="T65" s="5"/>
    </row>
    <row r="66" spans="1:20" ht="23.25" customHeight="1" x14ac:dyDescent="0.15">
      <c r="A66" s="5"/>
      <c r="B66" s="5"/>
      <c r="C66" s="5"/>
      <c r="D66" s="5"/>
      <c r="E66" s="5"/>
      <c r="F66" s="5"/>
      <c r="G66" s="5"/>
      <c r="H66" s="5"/>
      <c r="I66" s="5"/>
      <c r="J66" s="5"/>
      <c r="K66" s="5"/>
      <c r="L66" s="5"/>
      <c r="M66" s="5"/>
      <c r="N66" s="5"/>
      <c r="O66" s="5"/>
      <c r="P66" s="5"/>
      <c r="Q66" s="5"/>
      <c r="R66" s="5"/>
      <c r="S66" s="5"/>
      <c r="T66" s="5"/>
    </row>
    <row r="67" spans="1:20" ht="23.25" customHeight="1" x14ac:dyDescent="0.15">
      <c r="A67" s="5"/>
      <c r="B67" s="5"/>
      <c r="C67" s="5"/>
      <c r="D67" s="5"/>
      <c r="E67" s="5"/>
      <c r="F67" s="5"/>
      <c r="G67" s="5"/>
      <c r="H67" s="5"/>
      <c r="I67" s="5"/>
      <c r="J67" s="5"/>
      <c r="K67" s="5"/>
      <c r="L67" s="5"/>
      <c r="M67" s="5"/>
      <c r="N67" s="5"/>
      <c r="O67" s="5"/>
      <c r="P67" s="5"/>
      <c r="Q67" s="5"/>
      <c r="R67" s="5"/>
      <c r="S67" s="5"/>
      <c r="T67" s="5"/>
    </row>
    <row r="68" spans="1:20" ht="23.25" customHeight="1" x14ac:dyDescent="0.15">
      <c r="A68" s="5"/>
      <c r="B68" s="5"/>
      <c r="C68" s="5"/>
      <c r="D68" s="5"/>
      <c r="E68" s="5"/>
      <c r="F68" s="5"/>
      <c r="G68" s="5"/>
      <c r="H68" s="5"/>
      <c r="I68" s="5"/>
      <c r="J68" s="5"/>
      <c r="K68" s="5"/>
      <c r="L68" s="5"/>
      <c r="M68" s="5"/>
      <c r="N68" s="5"/>
      <c r="O68" s="5"/>
      <c r="P68" s="5"/>
      <c r="Q68" s="5"/>
      <c r="R68" s="5"/>
      <c r="S68" s="5"/>
      <c r="T68" s="5"/>
    </row>
    <row r="69" spans="1:20" ht="23.25" customHeight="1" x14ac:dyDescent="0.15">
      <c r="A69" s="5"/>
      <c r="B69" s="5"/>
      <c r="C69" s="5"/>
      <c r="D69" s="5"/>
      <c r="E69" s="5"/>
      <c r="F69" s="5"/>
      <c r="G69" s="5"/>
      <c r="H69" s="5"/>
      <c r="I69" s="5"/>
      <c r="J69" s="5"/>
      <c r="K69" s="5"/>
      <c r="L69" s="5"/>
      <c r="M69" s="5"/>
      <c r="N69" s="5"/>
      <c r="O69" s="5"/>
      <c r="P69" s="5"/>
      <c r="Q69" s="5"/>
      <c r="R69" s="5"/>
      <c r="S69" s="5"/>
      <c r="T69" s="5"/>
    </row>
    <row r="70" spans="1:20" ht="23.25" customHeight="1" x14ac:dyDescent="0.15">
      <c r="A70" s="5"/>
      <c r="B70" s="5"/>
      <c r="C70" s="5"/>
      <c r="D70" s="5"/>
      <c r="E70" s="5"/>
      <c r="F70" s="5"/>
      <c r="G70" s="5"/>
      <c r="H70" s="5"/>
      <c r="I70" s="5"/>
      <c r="J70" s="5"/>
      <c r="K70" s="5"/>
      <c r="L70" s="5"/>
      <c r="M70" s="5"/>
      <c r="N70" s="5"/>
      <c r="O70" s="5"/>
      <c r="P70" s="5"/>
      <c r="Q70" s="5"/>
      <c r="R70" s="5"/>
      <c r="S70" s="5"/>
      <c r="T70" s="5"/>
    </row>
    <row r="71" spans="1:20" ht="23.25" customHeight="1" x14ac:dyDescent="0.15">
      <c r="A71" s="5"/>
      <c r="B71" s="5"/>
      <c r="C71" s="5"/>
      <c r="D71" s="5"/>
      <c r="E71" s="5"/>
      <c r="F71" s="5"/>
      <c r="G71" s="5"/>
      <c r="H71" s="5"/>
      <c r="I71" s="5"/>
      <c r="J71" s="5"/>
      <c r="K71" s="5"/>
      <c r="L71" s="5"/>
      <c r="M71" s="5"/>
      <c r="N71" s="5"/>
      <c r="O71" s="5"/>
      <c r="P71" s="5"/>
      <c r="Q71" s="5"/>
      <c r="R71" s="5"/>
      <c r="S71" s="5"/>
      <c r="T71" s="5"/>
    </row>
    <row r="72" spans="1:20" ht="23.25" customHeight="1" x14ac:dyDescent="0.15">
      <c r="A72" s="5"/>
      <c r="B72" s="5"/>
      <c r="C72" s="5"/>
      <c r="D72" s="5"/>
      <c r="E72" s="5"/>
      <c r="F72" s="5"/>
      <c r="G72" s="5"/>
      <c r="H72" s="5"/>
      <c r="I72" s="5"/>
      <c r="J72" s="5"/>
      <c r="K72" s="5"/>
      <c r="L72" s="5"/>
      <c r="M72" s="5"/>
      <c r="N72" s="5"/>
      <c r="O72" s="5"/>
      <c r="P72" s="5"/>
      <c r="Q72" s="5"/>
      <c r="R72" s="5"/>
      <c r="S72" s="5"/>
      <c r="T72" s="5"/>
    </row>
    <row r="73" spans="1:20" ht="23.25" customHeight="1" x14ac:dyDescent="0.15">
      <c r="A73" s="5"/>
      <c r="B73" s="5"/>
      <c r="C73" s="5"/>
      <c r="D73" s="5"/>
      <c r="E73" s="5"/>
      <c r="F73" s="5"/>
      <c r="G73" s="5"/>
      <c r="H73" s="5"/>
      <c r="I73" s="5"/>
      <c r="J73" s="5"/>
      <c r="K73" s="5"/>
      <c r="L73" s="5"/>
      <c r="M73" s="5"/>
      <c r="N73" s="5"/>
      <c r="O73" s="5"/>
      <c r="P73" s="5"/>
      <c r="Q73" s="5"/>
      <c r="R73" s="5"/>
      <c r="S73" s="5"/>
      <c r="T73" s="5"/>
    </row>
    <row r="74" spans="1:20" ht="23.25" customHeight="1" x14ac:dyDescent="0.15">
      <c r="A74" s="5"/>
      <c r="B74" s="5"/>
      <c r="C74" s="5"/>
      <c r="D74" s="5"/>
      <c r="E74" s="5"/>
      <c r="F74" s="5"/>
      <c r="G74" s="5"/>
      <c r="H74" s="5"/>
      <c r="I74" s="5"/>
      <c r="J74" s="5"/>
      <c r="K74" s="5"/>
      <c r="L74" s="5"/>
      <c r="M74" s="5"/>
      <c r="N74" s="5"/>
      <c r="O74" s="5"/>
      <c r="P74" s="5"/>
      <c r="Q74" s="5"/>
      <c r="R74" s="5"/>
      <c r="S74" s="5"/>
      <c r="T74" s="5"/>
    </row>
    <row r="75" spans="1:20" ht="23.25" customHeight="1" x14ac:dyDescent="0.15">
      <c r="A75" s="5"/>
      <c r="B75" s="5"/>
      <c r="C75" s="5"/>
      <c r="D75" s="5"/>
      <c r="E75" s="5"/>
      <c r="F75" s="5"/>
      <c r="G75" s="5"/>
      <c r="H75" s="5"/>
      <c r="I75" s="5"/>
      <c r="J75" s="5"/>
      <c r="K75" s="5"/>
      <c r="L75" s="5"/>
      <c r="M75" s="5"/>
      <c r="N75" s="5"/>
      <c r="O75" s="5"/>
      <c r="P75" s="5"/>
      <c r="Q75" s="5"/>
      <c r="R75" s="5"/>
      <c r="S75" s="5"/>
      <c r="T75" s="5"/>
    </row>
    <row r="76" spans="1:20" ht="23.25" customHeight="1" x14ac:dyDescent="0.15">
      <c r="A76" s="5"/>
      <c r="B76" s="5"/>
      <c r="C76" s="5"/>
      <c r="D76" s="5"/>
      <c r="E76" s="5"/>
      <c r="F76" s="5"/>
      <c r="G76" s="5"/>
      <c r="H76" s="5"/>
      <c r="I76" s="5"/>
      <c r="J76" s="5"/>
      <c r="K76" s="5"/>
      <c r="L76" s="5"/>
      <c r="M76" s="5"/>
      <c r="N76" s="5"/>
      <c r="O76" s="5"/>
      <c r="P76" s="5"/>
      <c r="Q76" s="5"/>
      <c r="R76" s="5"/>
      <c r="S76" s="5"/>
      <c r="T76" s="5"/>
    </row>
    <row r="77" spans="1:20" ht="23.25" customHeight="1" x14ac:dyDescent="0.15">
      <c r="A77" s="5"/>
      <c r="B77" s="5"/>
      <c r="C77" s="5"/>
      <c r="D77" s="5"/>
      <c r="E77" s="5"/>
      <c r="F77" s="5"/>
      <c r="G77" s="5"/>
      <c r="H77" s="5"/>
      <c r="I77" s="5"/>
      <c r="J77" s="5"/>
      <c r="K77" s="5"/>
      <c r="L77" s="5"/>
      <c r="M77" s="5"/>
      <c r="N77" s="5"/>
      <c r="O77" s="5"/>
      <c r="P77" s="5"/>
      <c r="Q77" s="5"/>
      <c r="R77" s="5"/>
      <c r="S77" s="5"/>
      <c r="T77" s="5"/>
    </row>
    <row r="78" spans="1:20" ht="23.25" customHeight="1" x14ac:dyDescent="0.15">
      <c r="A78" s="5"/>
      <c r="B78" s="5"/>
      <c r="C78" s="5"/>
      <c r="D78" s="5"/>
      <c r="E78" s="5"/>
      <c r="F78" s="5"/>
      <c r="G78" s="5"/>
      <c r="H78" s="5"/>
      <c r="I78" s="5"/>
      <c r="J78" s="5"/>
      <c r="K78" s="5"/>
      <c r="L78" s="5"/>
      <c r="M78" s="5"/>
      <c r="N78" s="5"/>
      <c r="O78" s="5"/>
      <c r="P78" s="5"/>
      <c r="Q78" s="5"/>
      <c r="R78" s="5"/>
      <c r="S78" s="5"/>
      <c r="T78" s="5"/>
    </row>
    <row r="79" spans="1:20" ht="23.25" customHeight="1" x14ac:dyDescent="0.15">
      <c r="A79" s="5"/>
      <c r="B79" s="5"/>
      <c r="C79" s="5"/>
      <c r="D79" s="5"/>
      <c r="E79" s="5"/>
      <c r="F79" s="5"/>
      <c r="G79" s="5"/>
      <c r="H79" s="5"/>
      <c r="I79" s="5"/>
      <c r="J79" s="5"/>
      <c r="K79" s="5"/>
      <c r="L79" s="5"/>
      <c r="M79" s="5"/>
      <c r="N79" s="5"/>
      <c r="O79" s="5"/>
      <c r="P79" s="5"/>
      <c r="Q79" s="5"/>
      <c r="R79" s="5"/>
      <c r="S79" s="5"/>
      <c r="T79" s="5"/>
    </row>
    <row r="80" spans="1:20" ht="23.25" customHeight="1" x14ac:dyDescent="0.15">
      <c r="A80" s="5"/>
      <c r="B80" s="5"/>
      <c r="C80" s="5"/>
      <c r="D80" s="5"/>
      <c r="E80" s="5"/>
      <c r="F80" s="5"/>
      <c r="G80" s="5"/>
      <c r="H80" s="5"/>
      <c r="I80" s="5"/>
      <c r="J80" s="5"/>
      <c r="K80" s="5"/>
      <c r="L80" s="5"/>
      <c r="M80" s="5"/>
      <c r="N80" s="5"/>
      <c r="O80" s="5"/>
      <c r="P80" s="5"/>
      <c r="Q80" s="5"/>
      <c r="R80" s="5"/>
      <c r="S80" s="5"/>
      <c r="T80" s="5"/>
    </row>
    <row r="81" spans="1:20" ht="21.75" customHeight="1" x14ac:dyDescent="0.15">
      <c r="A81" s="5"/>
      <c r="B81" s="5"/>
      <c r="C81" s="5"/>
      <c r="D81" s="5"/>
      <c r="E81" s="5"/>
      <c r="F81" s="5"/>
      <c r="G81" s="5"/>
      <c r="H81" s="5"/>
      <c r="I81" s="5"/>
      <c r="J81" s="5"/>
      <c r="K81" s="5"/>
      <c r="L81" s="5"/>
      <c r="M81" s="5"/>
      <c r="N81" s="5"/>
      <c r="O81" s="5"/>
      <c r="P81" s="5"/>
      <c r="Q81" s="5"/>
      <c r="R81" s="5"/>
      <c r="S81" s="5"/>
      <c r="T81" s="5"/>
    </row>
    <row r="82" spans="1:20" ht="21.75" customHeight="1" x14ac:dyDescent="0.15">
      <c r="A82" s="3" t="s">
        <v>49</v>
      </c>
      <c r="B82" s="4"/>
      <c r="C82" s="4"/>
      <c r="D82" s="4"/>
      <c r="E82" s="4"/>
      <c r="F82" s="4"/>
      <c r="G82" s="4"/>
      <c r="H82" s="4"/>
      <c r="I82" s="4"/>
      <c r="J82" s="4"/>
      <c r="K82" s="4"/>
      <c r="L82" s="4"/>
      <c r="M82" s="4"/>
      <c r="N82" s="4"/>
      <c r="O82" s="5"/>
      <c r="P82" s="5"/>
      <c r="Q82" s="5"/>
      <c r="R82" s="5"/>
      <c r="S82" s="5"/>
      <c r="T82" s="5"/>
    </row>
    <row r="83" spans="1:20" ht="21.75" customHeight="1" x14ac:dyDescent="0.15">
      <c r="A83" s="6" t="s">
        <v>1</v>
      </c>
      <c r="B83" s="6" t="s">
        <v>2</v>
      </c>
      <c r="C83" s="6">
        <v>60</v>
      </c>
      <c r="D83" s="6" t="s">
        <v>3</v>
      </c>
      <c r="E83" s="6">
        <v>7</v>
      </c>
      <c r="F83" s="6">
        <v>12</v>
      </c>
      <c r="G83" s="6">
        <v>17</v>
      </c>
      <c r="H83" s="6">
        <v>22</v>
      </c>
      <c r="I83" s="6">
        <v>27</v>
      </c>
      <c r="J83" s="6">
        <v>30</v>
      </c>
      <c r="K83" s="6" t="s">
        <v>4</v>
      </c>
      <c r="L83" s="6">
        <v>2</v>
      </c>
      <c r="M83" s="6">
        <v>3</v>
      </c>
      <c r="N83" s="6">
        <v>4</v>
      </c>
      <c r="O83" s="6">
        <v>5</v>
      </c>
      <c r="P83" s="6">
        <v>6</v>
      </c>
      <c r="Q83" s="6">
        <v>7</v>
      </c>
    </row>
    <row r="84" spans="1:20" ht="21.75" customHeight="1" x14ac:dyDescent="0.15">
      <c r="A84" s="7" t="s">
        <v>5</v>
      </c>
      <c r="B84" s="8" t="s">
        <v>6</v>
      </c>
      <c r="C84" s="8" t="s">
        <v>6</v>
      </c>
      <c r="D84" s="8" t="s">
        <v>6</v>
      </c>
      <c r="E84" s="8" t="s">
        <v>6</v>
      </c>
      <c r="F84" s="8" t="s">
        <v>6</v>
      </c>
      <c r="G84" s="9">
        <v>6</v>
      </c>
      <c r="H84" s="9">
        <v>9</v>
      </c>
      <c r="I84" s="9">
        <v>5</v>
      </c>
      <c r="J84" s="9">
        <v>5</v>
      </c>
      <c r="K84" s="9">
        <v>4</v>
      </c>
      <c r="L84" s="20">
        <v>3</v>
      </c>
      <c r="M84" s="20">
        <v>3</v>
      </c>
      <c r="N84" s="20">
        <v>1</v>
      </c>
      <c r="O84" s="20">
        <v>1</v>
      </c>
      <c r="P84" s="20">
        <v>1</v>
      </c>
      <c r="Q84" s="20">
        <v>0</v>
      </c>
    </row>
    <row r="85" spans="1:20" ht="21.75" customHeight="1" x14ac:dyDescent="0.15">
      <c r="A85" s="7" t="s">
        <v>7</v>
      </c>
      <c r="B85" s="8" t="s">
        <v>6</v>
      </c>
      <c r="C85" s="8" t="s">
        <v>6</v>
      </c>
      <c r="D85" s="8" t="s">
        <v>6</v>
      </c>
      <c r="E85" s="8" t="s">
        <v>6</v>
      </c>
      <c r="F85" s="8" t="s">
        <v>6</v>
      </c>
      <c r="G85" s="9">
        <v>2</v>
      </c>
      <c r="H85" s="9">
        <v>5</v>
      </c>
      <c r="I85" s="9">
        <v>7</v>
      </c>
      <c r="J85" s="9">
        <v>5</v>
      </c>
      <c r="K85" s="9">
        <v>5</v>
      </c>
      <c r="L85" s="20">
        <v>5</v>
      </c>
      <c r="M85" s="20">
        <v>5</v>
      </c>
      <c r="N85" s="20">
        <v>5</v>
      </c>
      <c r="O85" s="20">
        <v>4</v>
      </c>
      <c r="P85" s="20">
        <v>4</v>
      </c>
      <c r="Q85" s="20">
        <v>3</v>
      </c>
    </row>
    <row r="86" spans="1:20" ht="21.75" customHeight="1" x14ac:dyDescent="0.15">
      <c r="A86" s="7" t="s">
        <v>8</v>
      </c>
      <c r="B86" s="8" t="s">
        <v>6</v>
      </c>
      <c r="C86" s="8" t="s">
        <v>6</v>
      </c>
      <c r="D86" s="8" t="s">
        <v>6</v>
      </c>
      <c r="E86" s="8" t="s">
        <v>6</v>
      </c>
      <c r="F86" s="8" t="s">
        <v>6</v>
      </c>
      <c r="G86" s="9">
        <v>5</v>
      </c>
      <c r="H86" s="9">
        <v>3</v>
      </c>
      <c r="I86" s="9">
        <v>8</v>
      </c>
      <c r="J86" s="9">
        <v>8</v>
      </c>
      <c r="K86" s="9">
        <v>6</v>
      </c>
      <c r="L86" s="20">
        <v>7</v>
      </c>
      <c r="M86" s="20">
        <v>7</v>
      </c>
      <c r="N86" s="20">
        <v>6</v>
      </c>
      <c r="O86" s="20">
        <v>5</v>
      </c>
      <c r="P86" s="20">
        <v>5</v>
      </c>
      <c r="Q86" s="20">
        <v>5</v>
      </c>
    </row>
    <row r="87" spans="1:20" ht="21.75" customHeight="1" x14ac:dyDescent="0.15">
      <c r="A87" s="10" t="s">
        <v>9</v>
      </c>
      <c r="B87" s="11" t="s">
        <v>6</v>
      </c>
      <c r="C87" s="11" t="s">
        <v>6</v>
      </c>
      <c r="D87" s="11" t="s">
        <v>6</v>
      </c>
      <c r="E87" s="11" t="s">
        <v>6</v>
      </c>
      <c r="F87" s="11" t="s">
        <v>6</v>
      </c>
      <c r="G87" s="12">
        <v>8</v>
      </c>
      <c r="H87" s="12">
        <v>4</v>
      </c>
      <c r="I87" s="12">
        <v>5</v>
      </c>
      <c r="J87" s="12">
        <v>8</v>
      </c>
      <c r="K87" s="12">
        <v>7</v>
      </c>
      <c r="L87" s="21">
        <v>9</v>
      </c>
      <c r="M87" s="21">
        <v>6</v>
      </c>
      <c r="N87" s="21">
        <v>7</v>
      </c>
      <c r="O87" s="21">
        <v>8</v>
      </c>
      <c r="P87" s="21">
        <v>5</v>
      </c>
      <c r="Q87" s="21">
        <v>6</v>
      </c>
    </row>
    <row r="88" spans="1:20" ht="21.75" customHeight="1" x14ac:dyDescent="0.15">
      <c r="A88" s="10" t="s">
        <v>10</v>
      </c>
      <c r="B88" s="11" t="s">
        <v>6</v>
      </c>
      <c r="C88" s="11" t="s">
        <v>6</v>
      </c>
      <c r="D88" s="11" t="s">
        <v>6</v>
      </c>
      <c r="E88" s="11" t="s">
        <v>6</v>
      </c>
      <c r="F88" s="11" t="s">
        <v>6</v>
      </c>
      <c r="G88" s="12">
        <v>10</v>
      </c>
      <c r="H88" s="12">
        <v>7</v>
      </c>
      <c r="I88" s="12">
        <v>4</v>
      </c>
      <c r="J88" s="12">
        <v>1</v>
      </c>
      <c r="K88" s="12">
        <v>3</v>
      </c>
      <c r="L88" s="21">
        <v>3</v>
      </c>
      <c r="M88" s="21">
        <v>4</v>
      </c>
      <c r="N88" s="21">
        <v>6</v>
      </c>
      <c r="O88" s="21">
        <v>7</v>
      </c>
      <c r="P88" s="21">
        <v>7</v>
      </c>
      <c r="Q88" s="21">
        <v>7</v>
      </c>
    </row>
    <row r="89" spans="1:20" ht="21.75" customHeight="1" x14ac:dyDescent="0.15">
      <c r="A89" s="10" t="s">
        <v>11</v>
      </c>
      <c r="B89" s="11" t="s">
        <v>6</v>
      </c>
      <c r="C89" s="11" t="s">
        <v>6</v>
      </c>
      <c r="D89" s="11" t="s">
        <v>6</v>
      </c>
      <c r="E89" s="11" t="s">
        <v>6</v>
      </c>
      <c r="F89" s="11" t="s">
        <v>6</v>
      </c>
      <c r="G89" s="12">
        <v>12</v>
      </c>
      <c r="H89" s="12">
        <v>8</v>
      </c>
      <c r="I89" s="12">
        <v>6</v>
      </c>
      <c r="J89" s="12">
        <v>4</v>
      </c>
      <c r="K89" s="12">
        <v>6</v>
      </c>
      <c r="L89" s="21">
        <v>5</v>
      </c>
      <c r="M89" s="21">
        <v>2</v>
      </c>
      <c r="N89" s="21">
        <v>1</v>
      </c>
      <c r="O89" s="21">
        <v>1</v>
      </c>
      <c r="P89" s="21">
        <v>2</v>
      </c>
      <c r="Q89" s="21">
        <v>2</v>
      </c>
    </row>
    <row r="90" spans="1:20" ht="21.75" customHeight="1" x14ac:dyDescent="0.15">
      <c r="A90" s="10" t="s">
        <v>12</v>
      </c>
      <c r="B90" s="11" t="s">
        <v>6</v>
      </c>
      <c r="C90" s="11" t="s">
        <v>6</v>
      </c>
      <c r="D90" s="11" t="s">
        <v>6</v>
      </c>
      <c r="E90" s="11" t="s">
        <v>6</v>
      </c>
      <c r="F90" s="11" t="s">
        <v>6</v>
      </c>
      <c r="G90" s="12">
        <v>24</v>
      </c>
      <c r="H90" s="12">
        <v>13</v>
      </c>
      <c r="I90" s="12">
        <v>6</v>
      </c>
      <c r="J90" s="12">
        <v>6</v>
      </c>
      <c r="K90" s="12">
        <v>6</v>
      </c>
      <c r="L90" s="21">
        <v>6</v>
      </c>
      <c r="M90" s="21">
        <v>8</v>
      </c>
      <c r="N90" s="21">
        <v>7</v>
      </c>
      <c r="O90" s="21">
        <v>5</v>
      </c>
      <c r="P90" s="21">
        <v>6</v>
      </c>
      <c r="Q90" s="21">
        <v>6</v>
      </c>
    </row>
    <row r="91" spans="1:20" ht="21.75" customHeight="1" x14ac:dyDescent="0.15">
      <c r="A91" s="10" t="s">
        <v>13</v>
      </c>
      <c r="B91" s="11" t="s">
        <v>6</v>
      </c>
      <c r="C91" s="11" t="s">
        <v>6</v>
      </c>
      <c r="D91" s="11" t="s">
        <v>6</v>
      </c>
      <c r="E91" s="11" t="s">
        <v>6</v>
      </c>
      <c r="F91" s="11" t="s">
        <v>6</v>
      </c>
      <c r="G91" s="12">
        <v>25</v>
      </c>
      <c r="H91" s="12">
        <v>23</v>
      </c>
      <c r="I91" s="12">
        <v>12</v>
      </c>
      <c r="J91" s="12">
        <v>7</v>
      </c>
      <c r="K91" s="12">
        <v>7</v>
      </c>
      <c r="L91" s="21">
        <v>6</v>
      </c>
      <c r="M91" s="21">
        <v>4</v>
      </c>
      <c r="N91" s="21">
        <v>5</v>
      </c>
      <c r="O91" s="21">
        <v>5</v>
      </c>
      <c r="P91" s="21">
        <v>5</v>
      </c>
      <c r="Q91" s="21">
        <v>5</v>
      </c>
    </row>
    <row r="92" spans="1:20" ht="21.75" customHeight="1" x14ac:dyDescent="0.15">
      <c r="A92" s="10" t="s">
        <v>14</v>
      </c>
      <c r="B92" s="11" t="s">
        <v>6</v>
      </c>
      <c r="C92" s="11" t="s">
        <v>6</v>
      </c>
      <c r="D92" s="11" t="s">
        <v>6</v>
      </c>
      <c r="E92" s="11" t="s">
        <v>6</v>
      </c>
      <c r="F92" s="11" t="s">
        <v>6</v>
      </c>
      <c r="G92" s="12">
        <v>3</v>
      </c>
      <c r="H92" s="12">
        <v>25</v>
      </c>
      <c r="I92" s="12">
        <v>20</v>
      </c>
      <c r="J92" s="12">
        <v>18</v>
      </c>
      <c r="K92" s="12">
        <v>11</v>
      </c>
      <c r="L92" s="21">
        <v>11</v>
      </c>
      <c r="M92" s="21">
        <v>11</v>
      </c>
      <c r="N92" s="21">
        <v>8</v>
      </c>
      <c r="O92" s="21">
        <v>8</v>
      </c>
      <c r="P92" s="21">
        <v>8</v>
      </c>
      <c r="Q92" s="21">
        <v>8</v>
      </c>
    </row>
    <row r="93" spans="1:20" ht="21.75" customHeight="1" x14ac:dyDescent="0.15">
      <c r="A93" s="10" t="s">
        <v>15</v>
      </c>
      <c r="B93" s="11" t="s">
        <v>6</v>
      </c>
      <c r="C93" s="11" t="s">
        <v>6</v>
      </c>
      <c r="D93" s="11" t="s">
        <v>6</v>
      </c>
      <c r="E93" s="11" t="s">
        <v>6</v>
      </c>
      <c r="F93" s="11" t="s">
        <v>6</v>
      </c>
      <c r="G93" s="12">
        <v>12</v>
      </c>
      <c r="H93" s="12">
        <v>2</v>
      </c>
      <c r="I93" s="12">
        <v>17</v>
      </c>
      <c r="J93" s="12">
        <v>18</v>
      </c>
      <c r="K93" s="12">
        <v>20</v>
      </c>
      <c r="L93" s="21">
        <v>18</v>
      </c>
      <c r="M93" s="21">
        <v>17</v>
      </c>
      <c r="N93" s="21">
        <v>15</v>
      </c>
      <c r="O93" s="21">
        <v>17</v>
      </c>
      <c r="P93" s="21">
        <v>12</v>
      </c>
      <c r="Q93" s="21">
        <v>10</v>
      </c>
    </row>
    <row r="94" spans="1:20" ht="21.75" customHeight="1" x14ac:dyDescent="0.15">
      <c r="A94" s="10" t="s">
        <v>16</v>
      </c>
      <c r="B94" s="11" t="s">
        <v>6</v>
      </c>
      <c r="C94" s="11" t="s">
        <v>6</v>
      </c>
      <c r="D94" s="11" t="s">
        <v>6</v>
      </c>
      <c r="E94" s="11" t="s">
        <v>6</v>
      </c>
      <c r="F94" s="11" t="s">
        <v>6</v>
      </c>
      <c r="G94" s="12">
        <v>15</v>
      </c>
      <c r="H94" s="12">
        <v>12</v>
      </c>
      <c r="I94" s="12">
        <v>2</v>
      </c>
      <c r="J94" s="12">
        <v>11</v>
      </c>
      <c r="K94" s="12">
        <v>13</v>
      </c>
      <c r="L94" s="21">
        <v>16</v>
      </c>
      <c r="M94" s="21">
        <v>18</v>
      </c>
      <c r="N94" s="21">
        <v>18</v>
      </c>
      <c r="O94" s="21">
        <v>18</v>
      </c>
      <c r="P94" s="21">
        <v>21</v>
      </c>
      <c r="Q94" s="21">
        <v>17</v>
      </c>
    </row>
    <row r="95" spans="1:20" ht="21.75" customHeight="1" x14ac:dyDescent="0.15">
      <c r="A95" s="10" t="s">
        <v>17</v>
      </c>
      <c r="B95" s="11" t="s">
        <v>6</v>
      </c>
      <c r="C95" s="11" t="s">
        <v>6</v>
      </c>
      <c r="D95" s="11" t="s">
        <v>6</v>
      </c>
      <c r="E95" s="11" t="s">
        <v>6</v>
      </c>
      <c r="F95" s="11" t="s">
        <v>6</v>
      </c>
      <c r="G95" s="12">
        <v>14</v>
      </c>
      <c r="H95" s="12">
        <v>14</v>
      </c>
      <c r="I95" s="12">
        <v>10</v>
      </c>
      <c r="J95" s="12">
        <v>2</v>
      </c>
      <c r="K95" s="12">
        <v>2</v>
      </c>
      <c r="L95" s="21">
        <v>2</v>
      </c>
      <c r="M95" s="21">
        <v>4</v>
      </c>
      <c r="N95" s="21">
        <v>9</v>
      </c>
      <c r="O95" s="21">
        <v>9</v>
      </c>
      <c r="P95" s="21">
        <v>11</v>
      </c>
      <c r="Q95" s="21">
        <v>14</v>
      </c>
    </row>
    <row r="96" spans="1:20" ht="21.75" customHeight="1" x14ac:dyDescent="0.15">
      <c r="A96" s="10" t="s">
        <v>18</v>
      </c>
      <c r="B96" s="11" t="s">
        <v>6</v>
      </c>
      <c r="C96" s="11" t="s">
        <v>6</v>
      </c>
      <c r="D96" s="11" t="s">
        <v>6</v>
      </c>
      <c r="E96" s="11" t="s">
        <v>6</v>
      </c>
      <c r="F96" s="11" t="s">
        <v>6</v>
      </c>
      <c r="G96" s="12">
        <v>5</v>
      </c>
      <c r="H96" s="12">
        <v>14</v>
      </c>
      <c r="I96" s="12">
        <v>15</v>
      </c>
      <c r="J96" s="12">
        <v>14</v>
      </c>
      <c r="K96" s="12">
        <v>12</v>
      </c>
      <c r="L96" s="21">
        <v>10</v>
      </c>
      <c r="M96" s="21">
        <v>5</v>
      </c>
      <c r="N96" s="21">
        <v>5</v>
      </c>
      <c r="O96" s="21">
        <v>1</v>
      </c>
      <c r="P96" s="21">
        <v>1</v>
      </c>
      <c r="Q96" s="21">
        <v>2</v>
      </c>
    </row>
    <row r="97" spans="1:17" ht="21.75" customHeight="1" x14ac:dyDescent="0.15">
      <c r="A97" s="13" t="s">
        <v>19</v>
      </c>
      <c r="B97" s="14" t="s">
        <v>6</v>
      </c>
      <c r="C97" s="14" t="s">
        <v>6</v>
      </c>
      <c r="D97" s="14" t="s">
        <v>6</v>
      </c>
      <c r="E97" s="14" t="s">
        <v>6</v>
      </c>
      <c r="F97" s="14" t="s">
        <v>6</v>
      </c>
      <c r="G97" s="15">
        <v>12</v>
      </c>
      <c r="H97" s="15">
        <v>5</v>
      </c>
      <c r="I97" s="15">
        <v>14</v>
      </c>
      <c r="J97" s="15">
        <v>16</v>
      </c>
      <c r="K97" s="15">
        <v>14</v>
      </c>
      <c r="L97" s="22">
        <v>13</v>
      </c>
      <c r="M97" s="22">
        <v>14</v>
      </c>
      <c r="N97" s="22">
        <v>14</v>
      </c>
      <c r="O97" s="22">
        <v>15</v>
      </c>
      <c r="P97" s="22">
        <v>12</v>
      </c>
      <c r="Q97" s="22">
        <v>9</v>
      </c>
    </row>
    <row r="98" spans="1:17" ht="21.75" customHeight="1" x14ac:dyDescent="0.15">
      <c r="A98" s="13" t="s">
        <v>20</v>
      </c>
      <c r="B98" s="14" t="s">
        <v>6</v>
      </c>
      <c r="C98" s="14" t="s">
        <v>6</v>
      </c>
      <c r="D98" s="14" t="s">
        <v>6</v>
      </c>
      <c r="E98" s="14" t="s">
        <v>6</v>
      </c>
      <c r="F98" s="14" t="s">
        <v>6</v>
      </c>
      <c r="G98" s="15">
        <v>8</v>
      </c>
      <c r="H98" s="15">
        <v>10</v>
      </c>
      <c r="I98" s="15">
        <v>5</v>
      </c>
      <c r="J98" s="15">
        <v>7</v>
      </c>
      <c r="K98" s="15">
        <v>10</v>
      </c>
      <c r="L98" s="22">
        <v>13</v>
      </c>
      <c r="M98" s="22">
        <v>16</v>
      </c>
      <c r="N98" s="22">
        <v>11</v>
      </c>
      <c r="O98" s="22">
        <v>14</v>
      </c>
      <c r="P98" s="22">
        <v>13</v>
      </c>
      <c r="Q98" s="22">
        <v>12</v>
      </c>
    </row>
    <row r="99" spans="1:17" ht="21.75" customHeight="1" x14ac:dyDescent="0.15">
      <c r="A99" s="13" t="s">
        <v>21</v>
      </c>
      <c r="B99" s="14" t="s">
        <v>6</v>
      </c>
      <c r="C99" s="14" t="s">
        <v>6</v>
      </c>
      <c r="D99" s="14" t="s">
        <v>6</v>
      </c>
      <c r="E99" s="14" t="s">
        <v>6</v>
      </c>
      <c r="F99" s="14" t="s">
        <v>6</v>
      </c>
      <c r="G99" s="15">
        <v>11</v>
      </c>
      <c r="H99" s="15">
        <v>7</v>
      </c>
      <c r="I99" s="15">
        <v>8</v>
      </c>
      <c r="J99" s="15">
        <v>6</v>
      </c>
      <c r="K99" s="15">
        <v>7</v>
      </c>
      <c r="L99" s="22">
        <v>5</v>
      </c>
      <c r="M99" s="22">
        <v>5</v>
      </c>
      <c r="N99" s="22">
        <v>8</v>
      </c>
      <c r="O99" s="22">
        <v>6</v>
      </c>
      <c r="P99" s="22">
        <v>9</v>
      </c>
      <c r="Q99" s="22">
        <v>12</v>
      </c>
    </row>
    <row r="100" spans="1:17" ht="21.75" customHeight="1" x14ac:dyDescent="0.15">
      <c r="A100" s="13" t="s">
        <v>22</v>
      </c>
      <c r="B100" s="14" t="s">
        <v>6</v>
      </c>
      <c r="C100" s="14" t="s">
        <v>6</v>
      </c>
      <c r="D100" s="14" t="s">
        <v>6</v>
      </c>
      <c r="E100" s="14" t="s">
        <v>6</v>
      </c>
      <c r="F100" s="14" t="s">
        <v>6</v>
      </c>
      <c r="G100" s="15">
        <v>7</v>
      </c>
      <c r="H100" s="15">
        <v>6</v>
      </c>
      <c r="I100" s="15">
        <v>6</v>
      </c>
      <c r="J100" s="15">
        <v>4</v>
      </c>
      <c r="K100" s="15">
        <v>4</v>
      </c>
      <c r="L100" s="22">
        <v>5</v>
      </c>
      <c r="M100" s="22">
        <v>5</v>
      </c>
      <c r="N100" s="22">
        <v>4</v>
      </c>
      <c r="O100" s="22">
        <v>6</v>
      </c>
      <c r="P100" s="22">
        <v>7</v>
      </c>
      <c r="Q100" s="22">
        <v>4</v>
      </c>
    </row>
    <row r="101" spans="1:17" ht="21.75" customHeight="1" x14ac:dyDescent="0.15">
      <c r="A101" s="13" t="s">
        <v>23</v>
      </c>
      <c r="B101" s="14" t="s">
        <v>6</v>
      </c>
      <c r="C101" s="14" t="s">
        <v>6</v>
      </c>
      <c r="D101" s="14" t="s">
        <v>6</v>
      </c>
      <c r="E101" s="14" t="s">
        <v>6</v>
      </c>
      <c r="F101" s="14" t="s">
        <v>6</v>
      </c>
      <c r="G101" s="15">
        <v>0</v>
      </c>
      <c r="H101" s="15">
        <v>5</v>
      </c>
      <c r="I101" s="15">
        <v>4</v>
      </c>
      <c r="J101" s="15">
        <v>5</v>
      </c>
      <c r="K101" s="15">
        <v>4</v>
      </c>
      <c r="L101" s="22">
        <v>3</v>
      </c>
      <c r="M101" s="22">
        <v>4</v>
      </c>
      <c r="N101" s="22">
        <v>3</v>
      </c>
      <c r="O101" s="22">
        <v>2</v>
      </c>
      <c r="P101" s="22">
        <v>2</v>
      </c>
      <c r="Q101" s="22">
        <v>3</v>
      </c>
    </row>
    <row r="102" spans="1:17" ht="21.75" customHeight="1" x14ac:dyDescent="0.15">
      <c r="A102" s="13" t="s">
        <v>24</v>
      </c>
      <c r="B102" s="14" t="s">
        <v>6</v>
      </c>
      <c r="C102" s="14" t="s">
        <v>6</v>
      </c>
      <c r="D102" s="14" t="s">
        <v>6</v>
      </c>
      <c r="E102" s="14" t="s">
        <v>6</v>
      </c>
      <c r="F102" s="14" t="s">
        <v>6</v>
      </c>
      <c r="G102" s="15">
        <v>1</v>
      </c>
      <c r="H102" s="15">
        <v>0</v>
      </c>
      <c r="I102" s="15">
        <v>3</v>
      </c>
      <c r="J102" s="15">
        <v>3</v>
      </c>
      <c r="K102" s="15">
        <v>2</v>
      </c>
      <c r="L102" s="22">
        <v>2</v>
      </c>
      <c r="M102" s="22">
        <v>2</v>
      </c>
      <c r="N102" s="22">
        <v>4</v>
      </c>
      <c r="O102" s="22">
        <v>3</v>
      </c>
      <c r="P102" s="22">
        <v>1</v>
      </c>
      <c r="Q102" s="22">
        <v>0</v>
      </c>
    </row>
    <row r="103" spans="1:17" ht="21.75" customHeight="1" x14ac:dyDescent="0.15">
      <c r="A103" s="13" t="s">
        <v>25</v>
      </c>
      <c r="B103" s="14" t="s">
        <v>6</v>
      </c>
      <c r="C103" s="14" t="s">
        <v>6</v>
      </c>
      <c r="D103" s="14" t="s">
        <v>6</v>
      </c>
      <c r="E103" s="14" t="s">
        <v>6</v>
      </c>
      <c r="F103" s="14" t="s">
        <v>6</v>
      </c>
      <c r="G103" s="15">
        <v>0</v>
      </c>
      <c r="H103" s="15">
        <v>1</v>
      </c>
      <c r="I103" s="15">
        <v>0</v>
      </c>
      <c r="J103" s="15">
        <v>1</v>
      </c>
      <c r="K103" s="15">
        <v>1</v>
      </c>
      <c r="L103" s="22">
        <v>1</v>
      </c>
      <c r="M103" s="22">
        <v>1</v>
      </c>
      <c r="N103" s="22">
        <v>1</v>
      </c>
      <c r="O103" s="22">
        <v>2</v>
      </c>
      <c r="P103" s="22">
        <v>2</v>
      </c>
      <c r="Q103" s="22">
        <v>1</v>
      </c>
    </row>
    <row r="104" spans="1:17" ht="21.75" customHeight="1" x14ac:dyDescent="0.15">
      <c r="A104" s="13" t="s">
        <v>26</v>
      </c>
      <c r="B104" s="14" t="s">
        <v>6</v>
      </c>
      <c r="C104" s="14" t="s">
        <v>6</v>
      </c>
      <c r="D104" s="14" t="s">
        <v>6</v>
      </c>
      <c r="E104" s="14" t="s">
        <v>6</v>
      </c>
      <c r="F104" s="14" t="s">
        <v>6</v>
      </c>
      <c r="G104" s="15">
        <v>0</v>
      </c>
      <c r="H104" s="15">
        <v>0</v>
      </c>
      <c r="I104" s="15">
        <v>0</v>
      </c>
      <c r="J104" s="15">
        <v>0</v>
      </c>
      <c r="K104" s="15">
        <v>0</v>
      </c>
      <c r="L104" s="22">
        <v>0</v>
      </c>
      <c r="M104" s="22">
        <v>0</v>
      </c>
      <c r="N104" s="22">
        <v>0</v>
      </c>
      <c r="O104" s="22">
        <v>0</v>
      </c>
      <c r="P104" s="22">
        <v>1</v>
      </c>
      <c r="Q104" s="22">
        <v>0</v>
      </c>
    </row>
    <row r="105" spans="1:17" ht="21.75" customHeight="1" x14ac:dyDescent="0.15">
      <c r="A105" s="6" t="s">
        <v>38</v>
      </c>
      <c r="B105" s="16" t="s">
        <v>6</v>
      </c>
      <c r="C105" s="16" t="s">
        <v>6</v>
      </c>
      <c r="D105" s="16" t="s">
        <v>6</v>
      </c>
      <c r="E105" s="16" t="s">
        <v>6</v>
      </c>
      <c r="F105" s="16" t="s">
        <v>6</v>
      </c>
      <c r="G105" s="17">
        <v>180</v>
      </c>
      <c r="H105" s="17">
        <v>173</v>
      </c>
      <c r="I105" s="17">
        <v>157</v>
      </c>
      <c r="J105" s="17">
        <v>149</v>
      </c>
      <c r="K105" s="17">
        <v>144</v>
      </c>
      <c r="L105" s="17">
        <v>143</v>
      </c>
      <c r="M105" s="17">
        <v>141</v>
      </c>
      <c r="N105" s="17">
        <v>138</v>
      </c>
      <c r="O105" s="17">
        <v>137</v>
      </c>
      <c r="P105" s="17">
        <v>135</v>
      </c>
      <c r="Q105" s="17">
        <v>126</v>
      </c>
    </row>
    <row r="106" spans="1:17" ht="21.75" customHeight="1" x14ac:dyDescent="0.2">
      <c r="A106" s="4"/>
      <c r="B106" s="4"/>
      <c r="C106" s="4"/>
      <c r="D106" s="4"/>
      <c r="E106" s="4"/>
      <c r="F106" s="4"/>
      <c r="G106" s="4"/>
      <c r="H106" s="4"/>
      <c r="I106" s="4"/>
      <c r="J106" s="4"/>
      <c r="K106" s="4"/>
      <c r="L106" s="4"/>
      <c r="O106" s="18"/>
      <c r="P106" s="18"/>
      <c r="Q106" s="18"/>
    </row>
    <row r="107" spans="1:17" ht="21.75" customHeight="1" x14ac:dyDescent="0.2">
      <c r="A107" s="4"/>
      <c r="B107" s="4"/>
      <c r="C107" s="4"/>
      <c r="D107" s="4"/>
      <c r="E107" s="4"/>
      <c r="F107" s="4"/>
      <c r="G107" s="4"/>
      <c r="H107" s="4"/>
      <c r="I107" s="4"/>
      <c r="J107" s="4"/>
      <c r="K107" s="4"/>
      <c r="L107" s="4"/>
      <c r="O107" s="18"/>
      <c r="P107" s="18"/>
      <c r="Q107" s="18"/>
    </row>
    <row r="108" spans="1:17" s="3" customFormat="1" ht="21.75" customHeight="1" x14ac:dyDescent="0.15">
      <c r="A108" s="3" t="s">
        <v>28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15">
      <c r="A109" s="6" t="s">
        <v>1</v>
      </c>
      <c r="B109" s="6" t="s">
        <v>2</v>
      </c>
      <c r="C109" s="6">
        <v>60</v>
      </c>
      <c r="D109" s="6" t="s">
        <v>3</v>
      </c>
      <c r="E109" s="6">
        <v>7</v>
      </c>
      <c r="F109" s="6">
        <v>12</v>
      </c>
      <c r="G109" s="6">
        <v>17</v>
      </c>
      <c r="H109" s="6">
        <v>22</v>
      </c>
      <c r="I109" s="6">
        <v>27</v>
      </c>
      <c r="J109" s="6">
        <v>30</v>
      </c>
      <c r="K109" s="6" t="s">
        <v>4</v>
      </c>
      <c r="L109" s="6">
        <v>2</v>
      </c>
      <c r="M109" s="6">
        <v>3</v>
      </c>
      <c r="N109" s="6">
        <v>4</v>
      </c>
      <c r="O109" s="6">
        <v>5</v>
      </c>
      <c r="P109" s="6">
        <v>6</v>
      </c>
      <c r="Q109" s="6">
        <v>7</v>
      </c>
    </row>
    <row r="110" spans="1:17" ht="21.75" customHeight="1" x14ac:dyDescent="0.15">
      <c r="A110" s="7" t="s">
        <v>29</v>
      </c>
      <c r="B110" s="8" t="s">
        <v>6</v>
      </c>
      <c r="C110" s="8" t="s">
        <v>6</v>
      </c>
      <c r="D110" s="8" t="s">
        <v>6</v>
      </c>
      <c r="E110" s="8" t="s">
        <v>6</v>
      </c>
      <c r="F110" s="8" t="s">
        <v>6</v>
      </c>
      <c r="G110" s="9">
        <v>13</v>
      </c>
      <c r="H110" s="9">
        <v>17</v>
      </c>
      <c r="I110" s="9">
        <v>20</v>
      </c>
      <c r="J110" s="9">
        <v>18</v>
      </c>
      <c r="K110" s="9">
        <v>15</v>
      </c>
      <c r="L110" s="9">
        <v>15</v>
      </c>
      <c r="M110" s="9">
        <v>15</v>
      </c>
      <c r="N110" s="9">
        <v>12</v>
      </c>
      <c r="O110" s="9">
        <v>10</v>
      </c>
      <c r="P110" s="9">
        <v>10</v>
      </c>
      <c r="Q110" s="9">
        <v>8</v>
      </c>
    </row>
    <row r="111" spans="1:17" ht="21.75" customHeight="1" x14ac:dyDescent="0.15">
      <c r="A111" s="10" t="s">
        <v>30</v>
      </c>
      <c r="B111" s="11" t="s">
        <v>6</v>
      </c>
      <c r="C111" s="11" t="s">
        <v>6</v>
      </c>
      <c r="D111" s="11" t="s">
        <v>6</v>
      </c>
      <c r="E111" s="11" t="s">
        <v>6</v>
      </c>
      <c r="F111" s="11" t="s">
        <v>6</v>
      </c>
      <c r="G111" s="12">
        <v>128</v>
      </c>
      <c r="H111" s="12">
        <v>122</v>
      </c>
      <c r="I111" s="12">
        <v>97</v>
      </c>
      <c r="J111" s="12">
        <v>89</v>
      </c>
      <c r="K111" s="12">
        <v>87</v>
      </c>
      <c r="L111" s="12">
        <v>86</v>
      </c>
      <c r="M111" s="12">
        <v>79</v>
      </c>
      <c r="N111" s="12">
        <v>81</v>
      </c>
      <c r="O111" s="12">
        <v>79</v>
      </c>
      <c r="P111" s="12">
        <v>78</v>
      </c>
      <c r="Q111" s="12">
        <v>77</v>
      </c>
    </row>
    <row r="112" spans="1:17" ht="21.75" customHeight="1" x14ac:dyDescent="0.15">
      <c r="A112" s="13" t="s">
        <v>31</v>
      </c>
      <c r="B112" s="14" t="s">
        <v>6</v>
      </c>
      <c r="C112" s="14" t="s">
        <v>6</v>
      </c>
      <c r="D112" s="14" t="s">
        <v>6</v>
      </c>
      <c r="E112" s="14" t="s">
        <v>6</v>
      </c>
      <c r="F112" s="14" t="s">
        <v>6</v>
      </c>
      <c r="G112" s="15">
        <v>39</v>
      </c>
      <c r="H112" s="15">
        <v>34</v>
      </c>
      <c r="I112" s="15">
        <v>40</v>
      </c>
      <c r="J112" s="15">
        <v>42</v>
      </c>
      <c r="K112" s="15">
        <v>42</v>
      </c>
      <c r="L112" s="15">
        <v>42</v>
      </c>
      <c r="M112" s="15">
        <v>47</v>
      </c>
      <c r="N112" s="15">
        <v>45</v>
      </c>
      <c r="O112" s="15">
        <v>48</v>
      </c>
      <c r="P112" s="15">
        <v>47</v>
      </c>
      <c r="Q112" s="15">
        <v>41</v>
      </c>
    </row>
    <row r="113" spans="1:17" ht="21.75" customHeight="1" x14ac:dyDescent="0.15">
      <c r="A113" s="6" t="s">
        <v>32</v>
      </c>
      <c r="B113" s="16" t="s">
        <v>6</v>
      </c>
      <c r="C113" s="16" t="s">
        <v>6</v>
      </c>
      <c r="D113" s="16" t="s">
        <v>6</v>
      </c>
      <c r="E113" s="16" t="s">
        <v>6</v>
      </c>
      <c r="F113" s="16" t="s">
        <v>6</v>
      </c>
      <c r="G113" s="17">
        <v>180</v>
      </c>
      <c r="H113" s="17">
        <v>173</v>
      </c>
      <c r="I113" s="17">
        <v>157</v>
      </c>
      <c r="J113" s="17">
        <v>149</v>
      </c>
      <c r="K113" s="17">
        <v>144</v>
      </c>
      <c r="L113" s="17">
        <v>143</v>
      </c>
      <c r="M113" s="17">
        <v>141</v>
      </c>
      <c r="N113" s="17">
        <v>138</v>
      </c>
      <c r="O113" s="17">
        <v>137</v>
      </c>
      <c r="P113" s="17">
        <v>135</v>
      </c>
      <c r="Q113" s="17">
        <v>126</v>
      </c>
    </row>
    <row r="114" spans="1:17" s="5" customFormat="1" ht="21.75" customHeight="1" x14ac:dyDescent="0.15">
      <c r="A114" s="24"/>
      <c r="B114" s="25"/>
      <c r="C114" s="25"/>
      <c r="D114" s="25"/>
      <c r="E114" s="25"/>
      <c r="F114" s="25"/>
      <c r="G114" s="25"/>
      <c r="H114" s="25"/>
      <c r="I114" s="25"/>
      <c r="J114" s="25"/>
      <c r="K114" s="25"/>
      <c r="L114" s="25"/>
      <c r="M114" s="25"/>
      <c r="N114" s="25"/>
      <c r="O114" s="25"/>
      <c r="P114" s="26"/>
      <c r="Q114" s="26"/>
    </row>
    <row r="115" spans="1:17" s="5" customFormat="1" ht="21.75" customHeight="1" x14ac:dyDescent="0.15">
      <c r="A115" s="27"/>
      <c r="B115" s="26"/>
      <c r="C115" s="26"/>
      <c r="D115" s="26"/>
      <c r="E115" s="26"/>
      <c r="F115" s="26"/>
      <c r="G115" s="26"/>
      <c r="H115" s="26"/>
      <c r="I115" s="26"/>
      <c r="J115" s="26"/>
      <c r="K115" s="26"/>
      <c r="L115" s="26"/>
      <c r="M115" s="26"/>
      <c r="N115" s="26"/>
      <c r="O115" s="26"/>
      <c r="P115" s="26"/>
      <c r="Q115" s="26"/>
    </row>
    <row r="116" spans="1:17" s="3" customFormat="1" ht="21.75" customHeight="1" x14ac:dyDescent="0.15">
      <c r="A116" s="28" t="s">
        <v>33</v>
      </c>
      <c r="B116" s="29"/>
      <c r="C116" s="29"/>
      <c r="D116" s="29"/>
      <c r="E116" s="29"/>
      <c r="F116" s="29"/>
      <c r="G116" s="29"/>
      <c r="H116" s="29"/>
      <c r="I116" s="29"/>
      <c r="J116" s="29"/>
      <c r="K116" s="29"/>
      <c r="L116" s="29"/>
      <c r="M116" s="29"/>
      <c r="N116" s="29"/>
      <c r="O116" s="29"/>
      <c r="P116" s="30"/>
      <c r="Q116" s="30"/>
    </row>
    <row r="117" spans="1:17" s="5" customFormat="1" ht="21.75" customHeight="1" x14ac:dyDescent="0.15">
      <c r="A117" s="6" t="s">
        <v>1</v>
      </c>
      <c r="B117" s="6" t="s">
        <v>2</v>
      </c>
      <c r="C117" s="6">
        <v>60</v>
      </c>
      <c r="D117" s="6" t="s">
        <v>3</v>
      </c>
      <c r="E117" s="6">
        <v>7</v>
      </c>
      <c r="F117" s="6">
        <v>12</v>
      </c>
      <c r="G117" s="6">
        <v>17</v>
      </c>
      <c r="H117" s="6">
        <v>22</v>
      </c>
      <c r="I117" s="6">
        <v>27</v>
      </c>
      <c r="J117" s="6">
        <v>30</v>
      </c>
      <c r="K117" s="6" t="s">
        <v>4</v>
      </c>
      <c r="L117" s="6">
        <v>2</v>
      </c>
      <c r="M117" s="6">
        <v>3</v>
      </c>
      <c r="N117" s="6">
        <v>4</v>
      </c>
      <c r="O117" s="6">
        <v>5</v>
      </c>
      <c r="P117" s="6">
        <v>6</v>
      </c>
      <c r="Q117" s="6">
        <v>7</v>
      </c>
    </row>
    <row r="118" spans="1:17" ht="21.75" customHeight="1" x14ac:dyDescent="0.15">
      <c r="A118" s="7" t="s">
        <v>29</v>
      </c>
      <c r="B118" s="31" t="s">
        <v>6</v>
      </c>
      <c r="C118" s="31" t="s">
        <v>6</v>
      </c>
      <c r="D118" s="31" t="s">
        <v>6</v>
      </c>
      <c r="E118" s="31" t="s">
        <v>6</v>
      </c>
      <c r="F118" s="31" t="s">
        <v>6</v>
      </c>
      <c r="G118" s="42">
        <v>7.2</v>
      </c>
      <c r="H118" s="42">
        <v>9.8000000000000007</v>
      </c>
      <c r="I118" s="42">
        <v>12.7</v>
      </c>
      <c r="J118" s="42">
        <v>12.1</v>
      </c>
      <c r="K118" s="42">
        <v>10.4</v>
      </c>
      <c r="L118" s="42">
        <v>10.5</v>
      </c>
      <c r="M118" s="42">
        <v>10.6</v>
      </c>
      <c r="N118" s="42">
        <v>8.6999999999999993</v>
      </c>
      <c r="O118" s="42">
        <v>7.3</v>
      </c>
      <c r="P118" s="42">
        <v>7.4</v>
      </c>
      <c r="Q118" s="42">
        <v>6.3</v>
      </c>
    </row>
    <row r="119" spans="1:17" ht="21.75" customHeight="1" x14ac:dyDescent="0.15">
      <c r="A119" s="10" t="s">
        <v>30</v>
      </c>
      <c r="B119" s="33" t="s">
        <v>6</v>
      </c>
      <c r="C119" s="33" t="s">
        <v>6</v>
      </c>
      <c r="D119" s="33" t="s">
        <v>6</v>
      </c>
      <c r="E119" s="33" t="s">
        <v>6</v>
      </c>
      <c r="F119" s="33" t="s">
        <v>6</v>
      </c>
      <c r="G119" s="43">
        <v>71.099999999999994</v>
      </c>
      <c r="H119" s="43">
        <v>70.5</v>
      </c>
      <c r="I119" s="43">
        <v>61.8</v>
      </c>
      <c r="J119" s="43">
        <v>59.7</v>
      </c>
      <c r="K119" s="43">
        <v>60.4</v>
      </c>
      <c r="L119" s="43">
        <v>60.1</v>
      </c>
      <c r="M119" s="43">
        <v>56</v>
      </c>
      <c r="N119" s="43">
        <v>58.7</v>
      </c>
      <c r="O119" s="43">
        <v>57.7</v>
      </c>
      <c r="P119" s="43">
        <v>57.8</v>
      </c>
      <c r="Q119" s="43">
        <v>61.1</v>
      </c>
    </row>
    <row r="120" spans="1:17" ht="21.75" customHeight="1" x14ac:dyDescent="0.15">
      <c r="A120" s="13" t="s">
        <v>31</v>
      </c>
      <c r="B120" s="35" t="s">
        <v>6</v>
      </c>
      <c r="C120" s="35" t="s">
        <v>6</v>
      </c>
      <c r="D120" s="35" t="s">
        <v>6</v>
      </c>
      <c r="E120" s="35" t="s">
        <v>6</v>
      </c>
      <c r="F120" s="35" t="s">
        <v>6</v>
      </c>
      <c r="G120" s="44">
        <v>21.7</v>
      </c>
      <c r="H120" s="44">
        <v>19.7</v>
      </c>
      <c r="I120" s="44">
        <v>25.5</v>
      </c>
      <c r="J120" s="44">
        <v>28.2</v>
      </c>
      <c r="K120" s="44">
        <v>29.2</v>
      </c>
      <c r="L120" s="44">
        <v>29.4</v>
      </c>
      <c r="M120" s="44">
        <v>33.299999999999997</v>
      </c>
      <c r="N120" s="44">
        <v>32.6</v>
      </c>
      <c r="O120" s="44">
        <v>35</v>
      </c>
      <c r="P120" s="44">
        <v>34.799999999999997</v>
      </c>
      <c r="Q120" s="44">
        <v>32.5</v>
      </c>
    </row>
    <row r="121" spans="1:17" ht="21.75" customHeight="1" x14ac:dyDescent="0.2">
      <c r="A121" s="37" t="s">
        <v>34</v>
      </c>
      <c r="B121" s="4"/>
      <c r="C121" s="4"/>
      <c r="D121" s="4"/>
      <c r="E121" s="4"/>
      <c r="F121" s="4"/>
      <c r="G121" s="4"/>
      <c r="H121" s="4"/>
      <c r="I121" s="4"/>
      <c r="J121" s="4"/>
      <c r="K121" s="4"/>
      <c r="L121" s="4"/>
      <c r="M121" s="4"/>
      <c r="O121" s="18"/>
      <c r="P121" s="18"/>
      <c r="Q121" s="18"/>
    </row>
    <row r="122" spans="1:17" ht="21.75" customHeight="1" x14ac:dyDescent="0.2">
      <c r="A122" s="37"/>
      <c r="B122" s="4"/>
      <c r="C122" s="4"/>
      <c r="D122" s="4"/>
      <c r="E122" s="4"/>
      <c r="F122" s="4"/>
      <c r="G122" s="4"/>
      <c r="H122" s="4"/>
      <c r="I122" s="4"/>
      <c r="J122" s="4"/>
      <c r="K122" s="4"/>
      <c r="L122" s="4"/>
      <c r="M122" s="4"/>
      <c r="O122" s="18"/>
      <c r="P122" s="18"/>
      <c r="Q122" s="18"/>
    </row>
    <row r="123" spans="1:17" ht="21.75" customHeight="1" x14ac:dyDescent="0.2">
      <c r="A123" s="37"/>
      <c r="B123" s="4"/>
      <c r="C123" s="4"/>
      <c r="D123" s="4"/>
      <c r="E123" s="4"/>
      <c r="F123" s="4"/>
      <c r="G123" s="4"/>
      <c r="H123" s="4"/>
      <c r="I123" s="4"/>
      <c r="J123" s="4"/>
      <c r="K123" s="4"/>
      <c r="L123" s="4"/>
      <c r="M123" s="4"/>
      <c r="O123" s="18"/>
      <c r="P123" s="18"/>
      <c r="Q123" s="18"/>
    </row>
    <row r="124" spans="1:17" ht="21.75" customHeight="1" x14ac:dyDescent="0.2">
      <c r="A124" s="37"/>
      <c r="B124" s="4"/>
      <c r="C124" s="4"/>
      <c r="D124" s="4"/>
      <c r="E124" s="4"/>
      <c r="F124" s="4"/>
      <c r="G124" s="4"/>
      <c r="H124" s="4"/>
      <c r="I124" s="4"/>
      <c r="J124" s="4"/>
      <c r="K124" s="4"/>
      <c r="L124" s="4"/>
      <c r="M124" s="4"/>
      <c r="O124" s="18"/>
      <c r="P124" s="18"/>
      <c r="Q124" s="18"/>
    </row>
    <row r="125" spans="1:17" ht="21.75" customHeight="1" x14ac:dyDescent="0.2">
      <c r="A125" s="37"/>
      <c r="B125" s="4"/>
      <c r="C125" s="4"/>
      <c r="D125" s="4"/>
      <c r="E125" s="4"/>
      <c r="F125" s="4"/>
      <c r="G125" s="4"/>
      <c r="H125" s="4"/>
      <c r="I125" s="4"/>
      <c r="J125" s="4"/>
      <c r="K125" s="4"/>
      <c r="L125" s="4"/>
      <c r="M125" s="4"/>
      <c r="O125" s="18"/>
      <c r="P125" s="18"/>
      <c r="Q125" s="18"/>
    </row>
    <row r="126" spans="1:17" ht="21.75" customHeight="1" x14ac:dyDescent="0.2">
      <c r="A126" s="37"/>
      <c r="B126" s="4"/>
      <c r="C126" s="4"/>
      <c r="D126" s="4"/>
      <c r="E126" s="4"/>
      <c r="F126" s="4"/>
      <c r="G126" s="4"/>
      <c r="H126" s="4"/>
      <c r="I126" s="4"/>
      <c r="J126" s="4"/>
      <c r="K126" s="4"/>
      <c r="L126" s="4"/>
      <c r="M126" s="4"/>
      <c r="O126" s="18"/>
      <c r="P126" s="18"/>
      <c r="Q126" s="18"/>
    </row>
    <row r="127" spans="1:17" ht="21.75" customHeight="1" x14ac:dyDescent="0.2">
      <c r="A127" s="4"/>
      <c r="B127" s="4"/>
      <c r="C127" s="4"/>
      <c r="D127" s="4"/>
      <c r="E127" s="4"/>
      <c r="F127" s="4"/>
      <c r="G127" s="4"/>
      <c r="H127" s="4"/>
      <c r="I127" s="4"/>
      <c r="J127" s="4"/>
      <c r="K127" s="4"/>
      <c r="L127" s="4"/>
      <c r="M127" s="4"/>
      <c r="O127" s="18"/>
      <c r="P127" s="18"/>
      <c r="Q127" s="18"/>
    </row>
    <row r="128" spans="1:17" ht="21.75" customHeight="1" x14ac:dyDescent="0.2">
      <c r="A128" s="3" t="s">
        <v>50</v>
      </c>
      <c r="B128" s="4"/>
      <c r="C128" s="4"/>
      <c r="D128" s="4"/>
      <c r="E128" s="4"/>
      <c r="F128" s="4"/>
      <c r="G128" s="4"/>
      <c r="H128" s="4"/>
      <c r="I128" s="4"/>
      <c r="J128" s="4"/>
      <c r="K128" s="4"/>
      <c r="L128" s="4"/>
      <c r="M128" s="4"/>
      <c r="O128" s="18"/>
      <c r="P128" s="18"/>
      <c r="Q128" s="18"/>
    </row>
    <row r="129" spans="1:17" ht="21.75" customHeight="1" x14ac:dyDescent="0.15">
      <c r="A129" s="6" t="s">
        <v>1</v>
      </c>
      <c r="B129" s="6" t="s">
        <v>2</v>
      </c>
      <c r="C129" s="6">
        <v>60</v>
      </c>
      <c r="D129" s="6" t="s">
        <v>3</v>
      </c>
      <c r="E129" s="6">
        <v>7</v>
      </c>
      <c r="F129" s="6">
        <v>12</v>
      </c>
      <c r="G129" s="6">
        <v>17</v>
      </c>
      <c r="H129" s="6">
        <v>22</v>
      </c>
      <c r="I129" s="6">
        <v>27</v>
      </c>
      <c r="J129" s="6">
        <v>30</v>
      </c>
      <c r="K129" s="6" t="s">
        <v>4</v>
      </c>
      <c r="L129" s="6">
        <v>2</v>
      </c>
      <c r="M129" s="6">
        <v>3</v>
      </c>
      <c r="N129" s="6">
        <v>4</v>
      </c>
      <c r="O129" s="6">
        <v>5</v>
      </c>
      <c r="P129" s="6">
        <v>6</v>
      </c>
      <c r="Q129" s="6">
        <v>7</v>
      </c>
    </row>
    <row r="130" spans="1:17" ht="21.75" customHeight="1" x14ac:dyDescent="0.15">
      <c r="A130" s="7" t="s">
        <v>5</v>
      </c>
      <c r="B130" s="8" t="s">
        <v>6</v>
      </c>
      <c r="C130" s="8" t="s">
        <v>6</v>
      </c>
      <c r="D130" s="8" t="s">
        <v>6</v>
      </c>
      <c r="E130" s="8" t="s">
        <v>6</v>
      </c>
      <c r="F130" s="8" t="s">
        <v>6</v>
      </c>
      <c r="G130" s="9">
        <v>5</v>
      </c>
      <c r="H130" s="9">
        <v>4</v>
      </c>
      <c r="I130" s="9">
        <v>3</v>
      </c>
      <c r="J130" s="9">
        <v>2</v>
      </c>
      <c r="K130" s="9">
        <v>3</v>
      </c>
      <c r="L130" s="20">
        <v>2</v>
      </c>
      <c r="M130" s="20">
        <v>2</v>
      </c>
      <c r="N130" s="20">
        <v>2</v>
      </c>
      <c r="O130" s="20">
        <v>2</v>
      </c>
      <c r="P130" s="20">
        <v>1</v>
      </c>
      <c r="Q130" s="20">
        <v>1</v>
      </c>
    </row>
    <row r="131" spans="1:17" ht="21.75" customHeight="1" x14ac:dyDescent="0.15">
      <c r="A131" s="7" t="s">
        <v>7</v>
      </c>
      <c r="B131" s="8" t="s">
        <v>6</v>
      </c>
      <c r="C131" s="8" t="s">
        <v>6</v>
      </c>
      <c r="D131" s="8" t="s">
        <v>6</v>
      </c>
      <c r="E131" s="8" t="s">
        <v>6</v>
      </c>
      <c r="F131" s="8" t="s">
        <v>6</v>
      </c>
      <c r="G131" s="9">
        <v>2</v>
      </c>
      <c r="H131" s="9">
        <v>5</v>
      </c>
      <c r="I131" s="9">
        <v>4</v>
      </c>
      <c r="J131" s="9">
        <v>3</v>
      </c>
      <c r="K131" s="9">
        <v>1</v>
      </c>
      <c r="L131" s="20">
        <v>2</v>
      </c>
      <c r="M131" s="20">
        <v>2</v>
      </c>
      <c r="N131" s="20">
        <v>1</v>
      </c>
      <c r="O131" s="20">
        <v>2</v>
      </c>
      <c r="P131" s="20">
        <v>3</v>
      </c>
      <c r="Q131" s="20">
        <v>2</v>
      </c>
    </row>
    <row r="132" spans="1:17" ht="21.75" customHeight="1" x14ac:dyDescent="0.15">
      <c r="A132" s="7" t="s">
        <v>8</v>
      </c>
      <c r="B132" s="8" t="s">
        <v>6</v>
      </c>
      <c r="C132" s="8" t="s">
        <v>6</v>
      </c>
      <c r="D132" s="8" t="s">
        <v>6</v>
      </c>
      <c r="E132" s="8" t="s">
        <v>6</v>
      </c>
      <c r="F132" s="8" t="s">
        <v>6</v>
      </c>
      <c r="G132" s="9">
        <v>3</v>
      </c>
      <c r="H132" s="9">
        <v>2</v>
      </c>
      <c r="I132" s="9">
        <v>5</v>
      </c>
      <c r="J132" s="9">
        <v>5</v>
      </c>
      <c r="K132" s="9">
        <v>6</v>
      </c>
      <c r="L132" s="20">
        <v>4</v>
      </c>
      <c r="M132" s="20">
        <v>3</v>
      </c>
      <c r="N132" s="20">
        <v>3</v>
      </c>
      <c r="O132" s="20">
        <v>2</v>
      </c>
      <c r="P132" s="20">
        <v>1</v>
      </c>
      <c r="Q132" s="20">
        <v>2</v>
      </c>
    </row>
    <row r="133" spans="1:17" ht="21.75" customHeight="1" x14ac:dyDescent="0.15">
      <c r="A133" s="10" t="s">
        <v>9</v>
      </c>
      <c r="B133" s="11" t="s">
        <v>6</v>
      </c>
      <c r="C133" s="11" t="s">
        <v>6</v>
      </c>
      <c r="D133" s="11" t="s">
        <v>6</v>
      </c>
      <c r="E133" s="11" t="s">
        <v>6</v>
      </c>
      <c r="F133" s="11" t="s">
        <v>6</v>
      </c>
      <c r="G133" s="12">
        <v>8</v>
      </c>
      <c r="H133" s="12">
        <v>3</v>
      </c>
      <c r="I133" s="12">
        <v>2</v>
      </c>
      <c r="J133" s="12">
        <v>5</v>
      </c>
      <c r="K133" s="12">
        <v>4</v>
      </c>
      <c r="L133" s="21">
        <v>5</v>
      </c>
      <c r="M133" s="21">
        <v>6</v>
      </c>
      <c r="N133" s="21">
        <v>5</v>
      </c>
      <c r="O133" s="21">
        <v>5</v>
      </c>
      <c r="P133" s="21">
        <v>6</v>
      </c>
      <c r="Q133" s="21">
        <v>4</v>
      </c>
    </row>
    <row r="134" spans="1:17" ht="21.75" customHeight="1" x14ac:dyDescent="0.15">
      <c r="A134" s="10" t="s">
        <v>10</v>
      </c>
      <c r="B134" s="11" t="s">
        <v>6</v>
      </c>
      <c r="C134" s="11" t="s">
        <v>6</v>
      </c>
      <c r="D134" s="11" t="s">
        <v>6</v>
      </c>
      <c r="E134" s="11" t="s">
        <v>6</v>
      </c>
      <c r="F134" s="11" t="s">
        <v>6</v>
      </c>
      <c r="G134" s="12">
        <v>12</v>
      </c>
      <c r="H134" s="12">
        <v>7</v>
      </c>
      <c r="I134" s="12">
        <v>3</v>
      </c>
      <c r="J134" s="12">
        <v>1</v>
      </c>
      <c r="K134" s="12">
        <v>2</v>
      </c>
      <c r="L134" s="21">
        <v>3</v>
      </c>
      <c r="M134" s="21">
        <v>2</v>
      </c>
      <c r="N134" s="21">
        <v>3</v>
      </c>
      <c r="O134" s="21">
        <v>4</v>
      </c>
      <c r="P134" s="21">
        <v>3</v>
      </c>
      <c r="Q134" s="21">
        <v>4</v>
      </c>
    </row>
    <row r="135" spans="1:17" ht="21.75" customHeight="1" x14ac:dyDescent="0.15">
      <c r="A135" s="10" t="s">
        <v>11</v>
      </c>
      <c r="B135" s="11" t="s">
        <v>6</v>
      </c>
      <c r="C135" s="11" t="s">
        <v>6</v>
      </c>
      <c r="D135" s="11" t="s">
        <v>6</v>
      </c>
      <c r="E135" s="11" t="s">
        <v>6</v>
      </c>
      <c r="F135" s="11" t="s">
        <v>6</v>
      </c>
      <c r="G135" s="12">
        <v>9</v>
      </c>
      <c r="H135" s="12">
        <v>10</v>
      </c>
      <c r="I135" s="12">
        <v>5</v>
      </c>
      <c r="J135" s="12">
        <v>2</v>
      </c>
      <c r="K135" s="12">
        <v>1</v>
      </c>
      <c r="L135" s="21">
        <v>3</v>
      </c>
      <c r="M135" s="21">
        <v>3</v>
      </c>
      <c r="N135" s="21">
        <v>2</v>
      </c>
      <c r="O135" s="21">
        <v>1</v>
      </c>
      <c r="P135" s="21">
        <v>2</v>
      </c>
      <c r="Q135" s="21">
        <v>1</v>
      </c>
    </row>
    <row r="136" spans="1:17" ht="21.75" customHeight="1" x14ac:dyDescent="0.15">
      <c r="A136" s="10" t="s">
        <v>12</v>
      </c>
      <c r="B136" s="11" t="s">
        <v>6</v>
      </c>
      <c r="C136" s="11" t="s">
        <v>6</v>
      </c>
      <c r="D136" s="11" t="s">
        <v>6</v>
      </c>
      <c r="E136" s="11" t="s">
        <v>6</v>
      </c>
      <c r="F136" s="11" t="s">
        <v>6</v>
      </c>
      <c r="G136" s="12">
        <v>11</v>
      </c>
      <c r="H136" s="12">
        <v>7</v>
      </c>
      <c r="I136" s="12">
        <v>6</v>
      </c>
      <c r="J136" s="12">
        <v>6</v>
      </c>
      <c r="K136" s="12">
        <v>3</v>
      </c>
      <c r="L136" s="21">
        <v>3</v>
      </c>
      <c r="M136" s="21">
        <v>3</v>
      </c>
      <c r="N136" s="21">
        <v>3</v>
      </c>
      <c r="O136" s="21">
        <v>3</v>
      </c>
      <c r="P136" s="21">
        <v>2</v>
      </c>
      <c r="Q136" s="21">
        <v>3</v>
      </c>
    </row>
    <row r="137" spans="1:17" ht="21.75" customHeight="1" x14ac:dyDescent="0.15">
      <c r="A137" s="10" t="s">
        <v>13</v>
      </c>
      <c r="B137" s="11" t="s">
        <v>6</v>
      </c>
      <c r="C137" s="11" t="s">
        <v>6</v>
      </c>
      <c r="D137" s="11" t="s">
        <v>6</v>
      </c>
      <c r="E137" s="11" t="s">
        <v>6</v>
      </c>
      <c r="F137" s="11" t="s">
        <v>6</v>
      </c>
      <c r="G137" s="12">
        <v>17</v>
      </c>
      <c r="H137" s="12">
        <v>14</v>
      </c>
      <c r="I137" s="12">
        <v>7</v>
      </c>
      <c r="J137" s="12">
        <v>7</v>
      </c>
      <c r="K137" s="12">
        <v>7</v>
      </c>
      <c r="L137" s="21">
        <v>6</v>
      </c>
      <c r="M137" s="21">
        <v>4</v>
      </c>
      <c r="N137" s="21">
        <v>3</v>
      </c>
      <c r="O137" s="21">
        <v>4</v>
      </c>
      <c r="P137" s="21">
        <v>1</v>
      </c>
      <c r="Q137" s="21">
        <v>2</v>
      </c>
    </row>
    <row r="138" spans="1:17" ht="21.75" customHeight="1" x14ac:dyDescent="0.15">
      <c r="A138" s="10" t="s">
        <v>14</v>
      </c>
      <c r="B138" s="11" t="s">
        <v>6</v>
      </c>
      <c r="C138" s="11" t="s">
        <v>6</v>
      </c>
      <c r="D138" s="11" t="s">
        <v>6</v>
      </c>
      <c r="E138" s="11" t="s">
        <v>6</v>
      </c>
      <c r="F138" s="11" t="s">
        <v>6</v>
      </c>
      <c r="G138" s="12">
        <v>11</v>
      </c>
      <c r="H138" s="12">
        <v>17</v>
      </c>
      <c r="I138" s="12">
        <v>14</v>
      </c>
      <c r="J138" s="12">
        <v>11</v>
      </c>
      <c r="K138" s="12">
        <v>10</v>
      </c>
      <c r="L138" s="21">
        <v>8</v>
      </c>
      <c r="M138" s="21">
        <v>8</v>
      </c>
      <c r="N138" s="21">
        <v>8</v>
      </c>
      <c r="O138" s="21">
        <v>7</v>
      </c>
      <c r="P138" s="21">
        <v>7</v>
      </c>
      <c r="Q138" s="21">
        <v>6</v>
      </c>
    </row>
    <row r="139" spans="1:17" ht="21.75" customHeight="1" x14ac:dyDescent="0.15">
      <c r="A139" s="10" t="s">
        <v>15</v>
      </c>
      <c r="B139" s="11" t="s">
        <v>6</v>
      </c>
      <c r="C139" s="11" t="s">
        <v>6</v>
      </c>
      <c r="D139" s="11" t="s">
        <v>6</v>
      </c>
      <c r="E139" s="11" t="s">
        <v>6</v>
      </c>
      <c r="F139" s="11" t="s">
        <v>6</v>
      </c>
      <c r="G139" s="12">
        <v>10</v>
      </c>
      <c r="H139" s="12">
        <v>10</v>
      </c>
      <c r="I139" s="12">
        <v>12</v>
      </c>
      <c r="J139" s="12">
        <v>13</v>
      </c>
      <c r="K139" s="12">
        <v>13</v>
      </c>
      <c r="L139" s="21">
        <v>14</v>
      </c>
      <c r="M139" s="21">
        <v>16</v>
      </c>
      <c r="N139" s="21">
        <v>14</v>
      </c>
      <c r="O139" s="21">
        <v>11</v>
      </c>
      <c r="P139" s="21">
        <v>10</v>
      </c>
      <c r="Q139" s="21">
        <v>7</v>
      </c>
    </row>
    <row r="140" spans="1:17" ht="21.75" customHeight="1" x14ac:dyDescent="0.15">
      <c r="A140" s="10" t="s">
        <v>16</v>
      </c>
      <c r="B140" s="11" t="s">
        <v>6</v>
      </c>
      <c r="C140" s="11" t="s">
        <v>6</v>
      </c>
      <c r="D140" s="11" t="s">
        <v>6</v>
      </c>
      <c r="E140" s="11" t="s">
        <v>6</v>
      </c>
      <c r="F140" s="11" t="s">
        <v>6</v>
      </c>
      <c r="G140" s="12">
        <v>15</v>
      </c>
      <c r="H140" s="12">
        <v>10</v>
      </c>
      <c r="I140" s="12">
        <v>11</v>
      </c>
      <c r="J140" s="12">
        <v>12</v>
      </c>
      <c r="K140" s="12">
        <v>12</v>
      </c>
      <c r="L140" s="21">
        <v>12</v>
      </c>
      <c r="M140" s="21">
        <v>11</v>
      </c>
      <c r="N140" s="21">
        <v>13</v>
      </c>
      <c r="O140" s="21">
        <v>13</v>
      </c>
      <c r="P140" s="21">
        <v>13</v>
      </c>
      <c r="Q140" s="21">
        <v>13</v>
      </c>
    </row>
    <row r="141" spans="1:17" ht="21.75" customHeight="1" x14ac:dyDescent="0.15">
      <c r="A141" s="10" t="s">
        <v>17</v>
      </c>
      <c r="B141" s="11" t="s">
        <v>6</v>
      </c>
      <c r="C141" s="11" t="s">
        <v>6</v>
      </c>
      <c r="D141" s="11" t="s">
        <v>6</v>
      </c>
      <c r="E141" s="11" t="s">
        <v>6</v>
      </c>
      <c r="F141" s="11" t="s">
        <v>6</v>
      </c>
      <c r="G141" s="12">
        <v>15</v>
      </c>
      <c r="H141" s="12">
        <v>15</v>
      </c>
      <c r="I141" s="12">
        <v>9</v>
      </c>
      <c r="J141" s="12">
        <v>9</v>
      </c>
      <c r="K141" s="12">
        <v>10</v>
      </c>
      <c r="L141" s="21">
        <v>10</v>
      </c>
      <c r="M141" s="21">
        <v>9</v>
      </c>
      <c r="N141" s="21">
        <v>7</v>
      </c>
      <c r="O141" s="21">
        <v>11</v>
      </c>
      <c r="P141" s="21">
        <v>8</v>
      </c>
      <c r="Q141" s="21">
        <v>9</v>
      </c>
    </row>
    <row r="142" spans="1:17" ht="21.75" customHeight="1" x14ac:dyDescent="0.15">
      <c r="A142" s="10" t="s">
        <v>18</v>
      </c>
      <c r="B142" s="11" t="s">
        <v>6</v>
      </c>
      <c r="C142" s="11" t="s">
        <v>6</v>
      </c>
      <c r="D142" s="11" t="s">
        <v>6</v>
      </c>
      <c r="E142" s="11" t="s">
        <v>6</v>
      </c>
      <c r="F142" s="11" t="s">
        <v>6</v>
      </c>
      <c r="G142" s="12">
        <v>11</v>
      </c>
      <c r="H142" s="12">
        <v>15</v>
      </c>
      <c r="I142" s="12">
        <v>13</v>
      </c>
      <c r="J142" s="12">
        <v>10</v>
      </c>
      <c r="K142" s="12">
        <v>9</v>
      </c>
      <c r="L142" s="21">
        <v>8</v>
      </c>
      <c r="M142" s="21">
        <v>9</v>
      </c>
      <c r="N142" s="21">
        <v>9</v>
      </c>
      <c r="O142" s="21">
        <v>8</v>
      </c>
      <c r="P142" s="21">
        <v>10</v>
      </c>
      <c r="Q142" s="21">
        <v>10</v>
      </c>
    </row>
    <row r="143" spans="1:17" ht="21.75" customHeight="1" x14ac:dyDescent="0.15">
      <c r="A143" s="13" t="s">
        <v>19</v>
      </c>
      <c r="B143" s="14" t="s">
        <v>6</v>
      </c>
      <c r="C143" s="14" t="s">
        <v>6</v>
      </c>
      <c r="D143" s="14" t="s">
        <v>6</v>
      </c>
      <c r="E143" s="14" t="s">
        <v>6</v>
      </c>
      <c r="F143" s="14" t="s">
        <v>6</v>
      </c>
      <c r="G143" s="15">
        <v>10</v>
      </c>
      <c r="H143" s="15">
        <v>10</v>
      </c>
      <c r="I143" s="15">
        <v>13</v>
      </c>
      <c r="J143" s="15">
        <v>16</v>
      </c>
      <c r="K143" s="15">
        <v>13</v>
      </c>
      <c r="L143" s="22">
        <v>13</v>
      </c>
      <c r="M143" s="22">
        <v>13</v>
      </c>
      <c r="N143" s="22">
        <v>12</v>
      </c>
      <c r="O143" s="22">
        <v>10</v>
      </c>
      <c r="P143" s="22">
        <v>9</v>
      </c>
      <c r="Q143" s="22">
        <v>8</v>
      </c>
    </row>
    <row r="144" spans="1:17" ht="21.75" customHeight="1" x14ac:dyDescent="0.15">
      <c r="A144" s="13" t="s">
        <v>20</v>
      </c>
      <c r="B144" s="14" t="s">
        <v>6</v>
      </c>
      <c r="C144" s="14" t="s">
        <v>6</v>
      </c>
      <c r="D144" s="14" t="s">
        <v>6</v>
      </c>
      <c r="E144" s="14" t="s">
        <v>6</v>
      </c>
      <c r="F144" s="14" t="s">
        <v>6</v>
      </c>
      <c r="G144" s="15">
        <v>10</v>
      </c>
      <c r="H144" s="15">
        <v>9</v>
      </c>
      <c r="I144" s="15">
        <v>10</v>
      </c>
      <c r="J144" s="15">
        <v>9</v>
      </c>
      <c r="K144" s="15">
        <v>12</v>
      </c>
      <c r="L144" s="22">
        <v>13</v>
      </c>
      <c r="M144" s="22">
        <v>15</v>
      </c>
      <c r="N144" s="22">
        <v>12</v>
      </c>
      <c r="O144" s="22">
        <v>15</v>
      </c>
      <c r="P144" s="22">
        <v>12</v>
      </c>
      <c r="Q144" s="22">
        <v>13</v>
      </c>
    </row>
    <row r="145" spans="1:17" ht="21.75" customHeight="1" x14ac:dyDescent="0.15">
      <c r="A145" s="13" t="s">
        <v>21</v>
      </c>
      <c r="B145" s="14" t="s">
        <v>6</v>
      </c>
      <c r="C145" s="14" t="s">
        <v>6</v>
      </c>
      <c r="D145" s="14" t="s">
        <v>6</v>
      </c>
      <c r="E145" s="14" t="s">
        <v>6</v>
      </c>
      <c r="F145" s="14" t="s">
        <v>6</v>
      </c>
      <c r="G145" s="15">
        <v>15</v>
      </c>
      <c r="H145" s="15">
        <v>10</v>
      </c>
      <c r="I145" s="15">
        <v>7</v>
      </c>
      <c r="J145" s="15">
        <v>9</v>
      </c>
      <c r="K145" s="15">
        <v>9</v>
      </c>
      <c r="L145" s="22">
        <v>9</v>
      </c>
      <c r="M145" s="22">
        <v>5</v>
      </c>
      <c r="N145" s="22">
        <v>10</v>
      </c>
      <c r="O145" s="22">
        <v>8</v>
      </c>
      <c r="P145" s="22">
        <v>12</v>
      </c>
      <c r="Q145" s="22">
        <v>13</v>
      </c>
    </row>
    <row r="146" spans="1:17" ht="21.75" customHeight="1" x14ac:dyDescent="0.15">
      <c r="A146" s="13" t="s">
        <v>22</v>
      </c>
      <c r="B146" s="14" t="s">
        <v>6</v>
      </c>
      <c r="C146" s="14" t="s">
        <v>6</v>
      </c>
      <c r="D146" s="14" t="s">
        <v>6</v>
      </c>
      <c r="E146" s="14" t="s">
        <v>6</v>
      </c>
      <c r="F146" s="14" t="s">
        <v>6</v>
      </c>
      <c r="G146" s="15">
        <v>6</v>
      </c>
      <c r="H146" s="15">
        <v>15</v>
      </c>
      <c r="I146" s="15">
        <v>10</v>
      </c>
      <c r="J146" s="15">
        <v>9</v>
      </c>
      <c r="K146" s="15">
        <v>6</v>
      </c>
      <c r="L146" s="22">
        <v>5</v>
      </c>
      <c r="M146" s="22">
        <v>7</v>
      </c>
      <c r="N146" s="22">
        <v>7</v>
      </c>
      <c r="O146" s="22">
        <v>8</v>
      </c>
      <c r="P146" s="22">
        <v>8</v>
      </c>
      <c r="Q146" s="22">
        <v>8</v>
      </c>
    </row>
    <row r="147" spans="1:17" ht="21.75" customHeight="1" x14ac:dyDescent="0.15">
      <c r="A147" s="13" t="s">
        <v>23</v>
      </c>
      <c r="B147" s="14" t="s">
        <v>6</v>
      </c>
      <c r="C147" s="14" t="s">
        <v>6</v>
      </c>
      <c r="D147" s="14" t="s">
        <v>6</v>
      </c>
      <c r="E147" s="14" t="s">
        <v>6</v>
      </c>
      <c r="F147" s="14" t="s">
        <v>6</v>
      </c>
      <c r="G147" s="15">
        <v>2</v>
      </c>
      <c r="H147" s="15">
        <v>5</v>
      </c>
      <c r="I147" s="15">
        <v>14</v>
      </c>
      <c r="J147" s="15">
        <v>10</v>
      </c>
      <c r="K147" s="15">
        <v>9</v>
      </c>
      <c r="L147" s="22">
        <v>8</v>
      </c>
      <c r="M147" s="22">
        <v>7</v>
      </c>
      <c r="N147" s="22">
        <v>6</v>
      </c>
      <c r="O147" s="22">
        <v>7</v>
      </c>
      <c r="P147" s="22">
        <v>6</v>
      </c>
      <c r="Q147" s="22">
        <v>5</v>
      </c>
    </row>
    <row r="148" spans="1:17" ht="21.75" customHeight="1" x14ac:dyDescent="0.15">
      <c r="A148" s="13" t="s">
        <v>24</v>
      </c>
      <c r="B148" s="14" t="s">
        <v>6</v>
      </c>
      <c r="C148" s="14" t="s">
        <v>6</v>
      </c>
      <c r="D148" s="14" t="s">
        <v>6</v>
      </c>
      <c r="E148" s="14" t="s">
        <v>6</v>
      </c>
      <c r="F148" s="14" t="s">
        <v>6</v>
      </c>
      <c r="G148" s="15">
        <v>2</v>
      </c>
      <c r="H148" s="15">
        <v>1</v>
      </c>
      <c r="I148" s="15">
        <v>3</v>
      </c>
      <c r="J148" s="15">
        <v>7</v>
      </c>
      <c r="K148" s="15">
        <v>7</v>
      </c>
      <c r="L148" s="22">
        <v>9</v>
      </c>
      <c r="M148" s="22">
        <v>7</v>
      </c>
      <c r="N148" s="22">
        <v>6</v>
      </c>
      <c r="O148" s="22">
        <v>4</v>
      </c>
      <c r="P148" s="22">
        <v>2</v>
      </c>
      <c r="Q148" s="22">
        <v>3</v>
      </c>
    </row>
    <row r="149" spans="1:17" ht="21.75" customHeight="1" x14ac:dyDescent="0.15">
      <c r="A149" s="13" t="s">
        <v>25</v>
      </c>
      <c r="B149" s="14" t="s">
        <v>6</v>
      </c>
      <c r="C149" s="14" t="s">
        <v>6</v>
      </c>
      <c r="D149" s="14" t="s">
        <v>6</v>
      </c>
      <c r="E149" s="14" t="s">
        <v>6</v>
      </c>
      <c r="F149" s="14" t="s">
        <v>6</v>
      </c>
      <c r="G149" s="15">
        <v>1</v>
      </c>
      <c r="H149" s="15">
        <v>0</v>
      </c>
      <c r="I149" s="15">
        <v>0</v>
      </c>
      <c r="J149" s="15">
        <v>0</v>
      </c>
      <c r="K149" s="15">
        <v>2</v>
      </c>
      <c r="L149" s="22">
        <v>1</v>
      </c>
      <c r="M149" s="22">
        <v>3</v>
      </c>
      <c r="N149" s="22">
        <v>3</v>
      </c>
      <c r="O149" s="22">
        <v>4</v>
      </c>
      <c r="P149" s="22">
        <v>5</v>
      </c>
      <c r="Q149" s="22">
        <v>4</v>
      </c>
    </row>
    <row r="150" spans="1:17" ht="21.75" customHeight="1" x14ac:dyDescent="0.15">
      <c r="A150" s="13" t="s">
        <v>26</v>
      </c>
      <c r="B150" s="14" t="s">
        <v>6</v>
      </c>
      <c r="C150" s="14" t="s">
        <v>6</v>
      </c>
      <c r="D150" s="14" t="s">
        <v>6</v>
      </c>
      <c r="E150" s="14" t="s">
        <v>6</v>
      </c>
      <c r="F150" s="14" t="s">
        <v>6</v>
      </c>
      <c r="G150" s="15">
        <v>0</v>
      </c>
      <c r="H150" s="15">
        <v>0</v>
      </c>
      <c r="I150" s="15">
        <v>0</v>
      </c>
      <c r="J150" s="15">
        <v>0</v>
      </c>
      <c r="K150" s="15">
        <v>0</v>
      </c>
      <c r="L150" s="22">
        <v>0</v>
      </c>
      <c r="M150" s="22">
        <v>0</v>
      </c>
      <c r="N150" s="22">
        <v>0</v>
      </c>
      <c r="O150" s="22">
        <v>0</v>
      </c>
      <c r="P150" s="22">
        <v>1</v>
      </c>
      <c r="Q150" s="22">
        <v>1</v>
      </c>
    </row>
    <row r="151" spans="1:17" ht="21.75" customHeight="1" x14ac:dyDescent="0.15">
      <c r="A151" s="6" t="s">
        <v>40</v>
      </c>
      <c r="B151" s="16" t="s">
        <v>6</v>
      </c>
      <c r="C151" s="16" t="s">
        <v>6</v>
      </c>
      <c r="D151" s="16" t="s">
        <v>6</v>
      </c>
      <c r="E151" s="16" t="s">
        <v>6</v>
      </c>
      <c r="F151" s="16" t="s">
        <v>6</v>
      </c>
      <c r="G151" s="17">
        <v>175</v>
      </c>
      <c r="H151" s="17">
        <v>169</v>
      </c>
      <c r="I151" s="17">
        <v>151</v>
      </c>
      <c r="J151" s="17">
        <v>146</v>
      </c>
      <c r="K151" s="17">
        <v>139</v>
      </c>
      <c r="L151" s="17">
        <v>138</v>
      </c>
      <c r="M151" s="17">
        <v>135</v>
      </c>
      <c r="N151" s="17">
        <v>129</v>
      </c>
      <c r="O151" s="17">
        <v>129</v>
      </c>
      <c r="P151" s="17">
        <v>122</v>
      </c>
      <c r="Q151" s="17">
        <v>119</v>
      </c>
    </row>
    <row r="152" spans="1:17" ht="21.75" customHeight="1" x14ac:dyDescent="0.15">
      <c r="A152" s="4"/>
      <c r="B152" s="4"/>
      <c r="C152" s="4"/>
      <c r="D152" s="4"/>
      <c r="E152" s="4"/>
      <c r="F152" s="4"/>
      <c r="G152" s="4"/>
      <c r="H152" s="4"/>
      <c r="I152" s="4"/>
      <c r="J152" s="4"/>
      <c r="K152" s="4"/>
      <c r="L152" s="4"/>
    </row>
    <row r="153" spans="1:17" ht="21.75" customHeight="1" x14ac:dyDescent="0.2">
      <c r="A153" s="4"/>
      <c r="B153" s="4"/>
      <c r="C153" s="4"/>
      <c r="D153" s="4"/>
      <c r="E153" s="4"/>
      <c r="F153" s="4"/>
      <c r="G153" s="4"/>
      <c r="H153" s="4"/>
      <c r="I153" s="4"/>
      <c r="J153" s="4"/>
      <c r="K153" s="4"/>
      <c r="L153" s="4"/>
      <c r="O153" s="18"/>
      <c r="P153" s="18"/>
      <c r="Q153" s="18"/>
    </row>
    <row r="154" spans="1:17" s="3" customFormat="1" ht="21.75" customHeight="1" x14ac:dyDescent="0.15">
      <c r="A154" s="3" t="s">
        <v>28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15">
      <c r="A155" s="6" t="s">
        <v>1</v>
      </c>
      <c r="B155" s="6" t="s">
        <v>2</v>
      </c>
      <c r="C155" s="6">
        <v>60</v>
      </c>
      <c r="D155" s="6" t="s">
        <v>3</v>
      </c>
      <c r="E155" s="6">
        <v>7</v>
      </c>
      <c r="F155" s="6">
        <v>12</v>
      </c>
      <c r="G155" s="6">
        <v>17</v>
      </c>
      <c r="H155" s="6">
        <v>22</v>
      </c>
      <c r="I155" s="6">
        <v>27</v>
      </c>
      <c r="J155" s="6">
        <v>30</v>
      </c>
      <c r="K155" s="6" t="s">
        <v>4</v>
      </c>
      <c r="L155" s="6">
        <v>2</v>
      </c>
      <c r="M155" s="6">
        <v>3</v>
      </c>
      <c r="N155" s="6">
        <v>4</v>
      </c>
      <c r="O155" s="6">
        <v>5</v>
      </c>
      <c r="P155" s="6">
        <v>6</v>
      </c>
      <c r="Q155" s="6">
        <v>7</v>
      </c>
    </row>
    <row r="156" spans="1:17" ht="21.75" customHeight="1" x14ac:dyDescent="0.15">
      <c r="A156" s="7" t="s">
        <v>29</v>
      </c>
      <c r="B156" s="8" t="s">
        <v>6</v>
      </c>
      <c r="C156" s="8" t="s">
        <v>6</v>
      </c>
      <c r="D156" s="8" t="s">
        <v>6</v>
      </c>
      <c r="E156" s="8" t="s">
        <v>6</v>
      </c>
      <c r="F156" s="8" t="s">
        <v>6</v>
      </c>
      <c r="G156" s="9">
        <v>10</v>
      </c>
      <c r="H156" s="9">
        <v>11</v>
      </c>
      <c r="I156" s="9">
        <v>12</v>
      </c>
      <c r="J156" s="9">
        <v>10</v>
      </c>
      <c r="K156" s="9">
        <v>10</v>
      </c>
      <c r="L156" s="9">
        <v>8</v>
      </c>
      <c r="M156" s="9">
        <v>7</v>
      </c>
      <c r="N156" s="9">
        <v>6</v>
      </c>
      <c r="O156" s="9">
        <v>6</v>
      </c>
      <c r="P156" s="9">
        <v>5</v>
      </c>
      <c r="Q156" s="9">
        <v>5</v>
      </c>
    </row>
    <row r="157" spans="1:17" ht="21.75" customHeight="1" x14ac:dyDescent="0.15">
      <c r="A157" s="10" t="s">
        <v>30</v>
      </c>
      <c r="B157" s="11" t="s">
        <v>6</v>
      </c>
      <c r="C157" s="11" t="s">
        <v>6</v>
      </c>
      <c r="D157" s="11" t="s">
        <v>6</v>
      </c>
      <c r="E157" s="11" t="s">
        <v>6</v>
      </c>
      <c r="F157" s="11" t="s">
        <v>6</v>
      </c>
      <c r="G157" s="12">
        <v>119</v>
      </c>
      <c r="H157" s="12">
        <v>108</v>
      </c>
      <c r="I157" s="12">
        <v>82</v>
      </c>
      <c r="J157" s="12">
        <v>76</v>
      </c>
      <c r="K157" s="12">
        <v>71</v>
      </c>
      <c r="L157" s="12">
        <v>72</v>
      </c>
      <c r="M157" s="12">
        <v>71</v>
      </c>
      <c r="N157" s="12">
        <v>67</v>
      </c>
      <c r="O157" s="12">
        <v>67</v>
      </c>
      <c r="P157" s="12">
        <v>62</v>
      </c>
      <c r="Q157" s="12">
        <v>59</v>
      </c>
    </row>
    <row r="158" spans="1:17" ht="21.75" customHeight="1" x14ac:dyDescent="0.15">
      <c r="A158" s="13" t="s">
        <v>31</v>
      </c>
      <c r="B158" s="14" t="s">
        <v>6</v>
      </c>
      <c r="C158" s="14" t="s">
        <v>6</v>
      </c>
      <c r="D158" s="14" t="s">
        <v>6</v>
      </c>
      <c r="E158" s="14" t="s">
        <v>6</v>
      </c>
      <c r="F158" s="14" t="s">
        <v>6</v>
      </c>
      <c r="G158" s="15">
        <v>46</v>
      </c>
      <c r="H158" s="15">
        <v>50</v>
      </c>
      <c r="I158" s="15">
        <v>57</v>
      </c>
      <c r="J158" s="15">
        <v>60</v>
      </c>
      <c r="K158" s="15">
        <v>58</v>
      </c>
      <c r="L158" s="15">
        <v>58</v>
      </c>
      <c r="M158" s="15">
        <v>57</v>
      </c>
      <c r="N158" s="15">
        <v>56</v>
      </c>
      <c r="O158" s="15">
        <v>56</v>
      </c>
      <c r="P158" s="15">
        <v>55</v>
      </c>
      <c r="Q158" s="15">
        <v>55</v>
      </c>
    </row>
    <row r="159" spans="1:17" ht="21.75" customHeight="1" x14ac:dyDescent="0.15">
      <c r="A159" s="6" t="s">
        <v>32</v>
      </c>
      <c r="B159" s="16" t="s">
        <v>6</v>
      </c>
      <c r="C159" s="16" t="s">
        <v>6</v>
      </c>
      <c r="D159" s="16" t="s">
        <v>6</v>
      </c>
      <c r="E159" s="16" t="s">
        <v>6</v>
      </c>
      <c r="F159" s="16" t="s">
        <v>6</v>
      </c>
      <c r="G159" s="17">
        <v>175</v>
      </c>
      <c r="H159" s="17">
        <v>169</v>
      </c>
      <c r="I159" s="17">
        <v>151</v>
      </c>
      <c r="J159" s="17">
        <v>146</v>
      </c>
      <c r="K159" s="17">
        <v>139</v>
      </c>
      <c r="L159" s="17">
        <v>138</v>
      </c>
      <c r="M159" s="17">
        <v>135</v>
      </c>
      <c r="N159" s="17">
        <v>129</v>
      </c>
      <c r="O159" s="17">
        <v>129</v>
      </c>
      <c r="P159" s="17">
        <v>122</v>
      </c>
      <c r="Q159" s="17">
        <v>119</v>
      </c>
    </row>
    <row r="160" spans="1:17" s="5" customFormat="1" ht="21.75" customHeight="1" x14ac:dyDescent="0.15">
      <c r="A160" s="24"/>
      <c r="B160" s="25"/>
      <c r="C160" s="25"/>
      <c r="D160" s="25"/>
      <c r="E160" s="25"/>
      <c r="F160" s="25"/>
      <c r="G160" s="25"/>
      <c r="H160" s="25"/>
      <c r="I160" s="25"/>
      <c r="J160" s="25"/>
      <c r="K160" s="25"/>
      <c r="L160" s="25"/>
      <c r="M160" s="25"/>
      <c r="N160" s="25"/>
      <c r="O160" s="25"/>
      <c r="P160" s="26"/>
      <c r="Q160" s="26"/>
    </row>
    <row r="161" spans="1:20" s="5" customFormat="1" ht="21.75" customHeight="1" x14ac:dyDescent="0.15">
      <c r="A161" s="27"/>
      <c r="B161" s="26"/>
      <c r="C161" s="26"/>
      <c r="D161" s="26"/>
      <c r="E161" s="26"/>
      <c r="F161" s="26"/>
      <c r="G161" s="26"/>
      <c r="H161" s="26"/>
      <c r="I161" s="26"/>
      <c r="J161" s="26"/>
      <c r="K161" s="26"/>
      <c r="L161" s="26"/>
      <c r="M161" s="26"/>
      <c r="N161" s="26"/>
      <c r="O161" s="26"/>
      <c r="P161" s="26"/>
      <c r="Q161" s="26"/>
    </row>
    <row r="162" spans="1:20" s="3" customFormat="1" ht="21.75" customHeight="1" x14ac:dyDescent="0.15">
      <c r="A162" s="28" t="s">
        <v>33</v>
      </c>
      <c r="B162" s="29"/>
      <c r="C162" s="29"/>
      <c r="D162" s="29"/>
      <c r="E162" s="29"/>
      <c r="F162" s="29"/>
      <c r="G162" s="29"/>
      <c r="H162" s="29"/>
      <c r="I162" s="29"/>
      <c r="J162" s="29"/>
      <c r="K162" s="29"/>
      <c r="L162" s="29"/>
      <c r="M162" s="29"/>
      <c r="N162" s="29"/>
      <c r="O162" s="29"/>
      <c r="P162" s="30"/>
      <c r="Q162" s="30"/>
    </row>
    <row r="163" spans="1:20" s="5" customFormat="1" ht="21.75" customHeight="1" x14ac:dyDescent="0.15">
      <c r="A163" s="6" t="s">
        <v>1</v>
      </c>
      <c r="B163" s="6" t="s">
        <v>2</v>
      </c>
      <c r="C163" s="6">
        <v>60</v>
      </c>
      <c r="D163" s="6" t="s">
        <v>3</v>
      </c>
      <c r="E163" s="6">
        <v>7</v>
      </c>
      <c r="F163" s="6">
        <v>12</v>
      </c>
      <c r="G163" s="6">
        <v>17</v>
      </c>
      <c r="H163" s="6">
        <v>22</v>
      </c>
      <c r="I163" s="6">
        <v>27</v>
      </c>
      <c r="J163" s="6">
        <v>30</v>
      </c>
      <c r="K163" s="6" t="s">
        <v>4</v>
      </c>
      <c r="L163" s="6">
        <v>2</v>
      </c>
      <c r="M163" s="6">
        <v>3</v>
      </c>
      <c r="N163" s="6">
        <v>4</v>
      </c>
      <c r="O163" s="6">
        <v>5</v>
      </c>
      <c r="P163" s="6">
        <v>6</v>
      </c>
      <c r="Q163" s="6">
        <v>7</v>
      </c>
    </row>
    <row r="164" spans="1:20" ht="21.75" customHeight="1" x14ac:dyDescent="0.15">
      <c r="A164" s="7" t="s">
        <v>29</v>
      </c>
      <c r="B164" s="31" t="s">
        <v>6</v>
      </c>
      <c r="C164" s="31" t="s">
        <v>6</v>
      </c>
      <c r="D164" s="31" t="s">
        <v>6</v>
      </c>
      <c r="E164" s="31" t="s">
        <v>6</v>
      </c>
      <c r="F164" s="31" t="s">
        <v>6</v>
      </c>
      <c r="G164" s="42">
        <v>5.7</v>
      </c>
      <c r="H164" s="42">
        <v>6.5</v>
      </c>
      <c r="I164" s="42">
        <v>7.9</v>
      </c>
      <c r="J164" s="42">
        <v>6.8</v>
      </c>
      <c r="K164" s="42">
        <v>7.2</v>
      </c>
      <c r="L164" s="42">
        <v>5.8</v>
      </c>
      <c r="M164" s="42">
        <v>5.2</v>
      </c>
      <c r="N164" s="42">
        <v>4.7</v>
      </c>
      <c r="O164" s="42">
        <v>4.7</v>
      </c>
      <c r="P164" s="42">
        <v>4.0999999999999996</v>
      </c>
      <c r="Q164" s="42">
        <v>4.2</v>
      </c>
    </row>
    <row r="165" spans="1:20" ht="21.75" customHeight="1" x14ac:dyDescent="0.15">
      <c r="A165" s="10" t="s">
        <v>30</v>
      </c>
      <c r="B165" s="33" t="s">
        <v>6</v>
      </c>
      <c r="C165" s="33" t="s">
        <v>6</v>
      </c>
      <c r="D165" s="33" t="s">
        <v>6</v>
      </c>
      <c r="E165" s="33" t="s">
        <v>6</v>
      </c>
      <c r="F165" s="33" t="s">
        <v>6</v>
      </c>
      <c r="G165" s="43">
        <v>68</v>
      </c>
      <c r="H165" s="43">
        <v>63.9</v>
      </c>
      <c r="I165" s="43">
        <v>54.3</v>
      </c>
      <c r="J165" s="43">
        <v>52.1</v>
      </c>
      <c r="K165" s="43">
        <v>51.1</v>
      </c>
      <c r="L165" s="43">
        <v>52.2</v>
      </c>
      <c r="M165" s="43">
        <v>52.6</v>
      </c>
      <c r="N165" s="43">
        <v>51.9</v>
      </c>
      <c r="O165" s="43">
        <v>51.9</v>
      </c>
      <c r="P165" s="43">
        <v>50.8</v>
      </c>
      <c r="Q165" s="43">
        <v>49.6</v>
      </c>
    </row>
    <row r="166" spans="1:20" ht="21.75" customHeight="1" x14ac:dyDescent="0.15">
      <c r="A166" s="13" t="s">
        <v>31</v>
      </c>
      <c r="B166" s="35" t="s">
        <v>6</v>
      </c>
      <c r="C166" s="35" t="s">
        <v>6</v>
      </c>
      <c r="D166" s="35" t="s">
        <v>6</v>
      </c>
      <c r="E166" s="35" t="s">
        <v>6</v>
      </c>
      <c r="F166" s="35" t="s">
        <v>6</v>
      </c>
      <c r="G166" s="44">
        <v>26.3</v>
      </c>
      <c r="H166" s="44">
        <v>29.6</v>
      </c>
      <c r="I166" s="44">
        <v>37.700000000000003</v>
      </c>
      <c r="J166" s="44">
        <v>41.1</v>
      </c>
      <c r="K166" s="44">
        <v>41.7</v>
      </c>
      <c r="L166" s="44">
        <v>42</v>
      </c>
      <c r="M166" s="44">
        <v>42.2</v>
      </c>
      <c r="N166" s="44">
        <v>43.4</v>
      </c>
      <c r="O166" s="44">
        <v>43.4</v>
      </c>
      <c r="P166" s="44">
        <v>45.1</v>
      </c>
      <c r="Q166" s="44">
        <v>46.2</v>
      </c>
    </row>
    <row r="167" spans="1:20" ht="21.75" customHeight="1" x14ac:dyDescent="0.15">
      <c r="A167" s="37" t="s">
        <v>34</v>
      </c>
      <c r="B167" s="4"/>
      <c r="C167" s="4"/>
      <c r="D167" s="4"/>
      <c r="E167" s="4"/>
      <c r="F167" s="4"/>
      <c r="G167" s="4"/>
      <c r="H167" s="4"/>
      <c r="I167" s="4"/>
      <c r="J167" s="4"/>
      <c r="K167" s="4"/>
      <c r="L167" s="4"/>
      <c r="M167" s="4"/>
      <c r="N167" s="4"/>
      <c r="O167" s="5"/>
      <c r="P167" s="5"/>
      <c r="Q167" s="5"/>
      <c r="R167" s="5"/>
      <c r="S167" s="5"/>
      <c r="T167" s="5"/>
    </row>
    <row r="168" spans="1:20" ht="23.25" customHeight="1" x14ac:dyDescent="0.15">
      <c r="A168" s="39"/>
      <c r="B168" s="39"/>
      <c r="C168" s="39"/>
      <c r="D168" s="39"/>
      <c r="E168" s="39"/>
      <c r="F168" s="39"/>
      <c r="G168" s="39"/>
      <c r="H168" s="39"/>
      <c r="I168" s="39"/>
      <c r="J168" s="39"/>
      <c r="K168" s="39"/>
      <c r="L168" s="39"/>
      <c r="M168" s="39"/>
      <c r="N168" s="39"/>
      <c r="O168" s="39"/>
      <c r="P168" s="39"/>
      <c r="Q168" s="39"/>
      <c r="R168" s="39"/>
      <c r="S168" s="39"/>
      <c r="T168" s="39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3CE2FB-6C7C-4F9C-AE5F-CCAD39CC15D1}">
  <sheetPr codeName="Sheet104"/>
  <dimension ref="A1:U168"/>
  <sheetViews>
    <sheetView zoomScale="55" zoomScaleNormal="55" zoomScaleSheetLayoutView="55" workbookViewId="0"/>
  </sheetViews>
  <sheetFormatPr defaultColWidth="8.875" defaultRowHeight="23.25" customHeight="1" x14ac:dyDescent="0.15"/>
  <cols>
    <col min="1" max="1" width="14.625" style="2" customWidth="1"/>
    <col min="2" max="17" width="13.75" style="2" customWidth="1"/>
    <col min="18" max="18" width="13.625" style="2" customWidth="1"/>
    <col min="19" max="16384" width="8.875" style="2"/>
  </cols>
  <sheetData>
    <row r="1" spans="1:20" ht="23.25" customHeight="1" x14ac:dyDescent="0.15">
      <c r="A1" s="1"/>
    </row>
    <row r="3" spans="1:20" ht="23.25" customHeight="1" x14ac:dyDescent="0.15">
      <c r="A3" s="3" t="s">
        <v>51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5"/>
      <c r="P3" s="5"/>
      <c r="Q3" s="5"/>
      <c r="R3" s="5"/>
      <c r="S3" s="5"/>
      <c r="T3" s="5"/>
    </row>
    <row r="4" spans="1:20" ht="23.25" customHeight="1" x14ac:dyDescent="0.15">
      <c r="A4" s="6" t="s">
        <v>1</v>
      </c>
      <c r="B4" s="6" t="s">
        <v>2</v>
      </c>
      <c r="C4" s="6">
        <v>60</v>
      </c>
      <c r="D4" s="6" t="s">
        <v>3</v>
      </c>
      <c r="E4" s="6">
        <v>7</v>
      </c>
      <c r="F4" s="6">
        <v>12</v>
      </c>
      <c r="G4" s="6">
        <v>17</v>
      </c>
      <c r="H4" s="6">
        <v>22</v>
      </c>
      <c r="I4" s="6">
        <v>27</v>
      </c>
      <c r="J4" s="6">
        <v>30</v>
      </c>
      <c r="K4" s="6" t="s">
        <v>4</v>
      </c>
      <c r="L4" s="6">
        <v>2</v>
      </c>
      <c r="M4" s="6">
        <v>3</v>
      </c>
      <c r="N4" s="6">
        <v>4</v>
      </c>
      <c r="O4" s="6">
        <v>5</v>
      </c>
      <c r="P4" s="6">
        <v>6</v>
      </c>
      <c r="Q4" s="6">
        <v>7</v>
      </c>
    </row>
    <row r="5" spans="1:20" ht="23.25" customHeight="1" x14ac:dyDescent="0.15">
      <c r="A5" s="7" t="s">
        <v>5</v>
      </c>
      <c r="B5" s="8" t="s">
        <v>6</v>
      </c>
      <c r="C5" s="8" t="s">
        <v>6</v>
      </c>
      <c r="D5" s="8" t="s">
        <v>6</v>
      </c>
      <c r="E5" s="8" t="s">
        <v>6</v>
      </c>
      <c r="F5" s="8" t="s">
        <v>6</v>
      </c>
      <c r="G5" s="9">
        <v>78</v>
      </c>
      <c r="H5" s="9">
        <v>67</v>
      </c>
      <c r="I5" s="9">
        <v>52</v>
      </c>
      <c r="J5" s="9">
        <v>41</v>
      </c>
      <c r="K5" s="9">
        <v>39</v>
      </c>
      <c r="L5" s="9">
        <v>32</v>
      </c>
      <c r="M5" s="9">
        <v>31</v>
      </c>
      <c r="N5" s="9">
        <v>24</v>
      </c>
      <c r="O5" s="9">
        <v>23</v>
      </c>
      <c r="P5" s="9">
        <v>14</v>
      </c>
      <c r="Q5" s="9">
        <v>5</v>
      </c>
    </row>
    <row r="6" spans="1:20" ht="23.25" customHeight="1" x14ac:dyDescent="0.15">
      <c r="A6" s="7" t="s">
        <v>7</v>
      </c>
      <c r="B6" s="8" t="s">
        <v>6</v>
      </c>
      <c r="C6" s="8" t="s">
        <v>6</v>
      </c>
      <c r="D6" s="8" t="s">
        <v>6</v>
      </c>
      <c r="E6" s="8" t="s">
        <v>6</v>
      </c>
      <c r="F6" s="8" t="s">
        <v>6</v>
      </c>
      <c r="G6" s="9">
        <v>60</v>
      </c>
      <c r="H6" s="9">
        <v>71</v>
      </c>
      <c r="I6" s="9">
        <v>66</v>
      </c>
      <c r="J6" s="9">
        <v>48</v>
      </c>
      <c r="K6" s="9">
        <v>43</v>
      </c>
      <c r="L6" s="9">
        <v>43</v>
      </c>
      <c r="M6" s="9">
        <v>43</v>
      </c>
      <c r="N6" s="9">
        <v>38</v>
      </c>
      <c r="O6" s="9">
        <v>36</v>
      </c>
      <c r="P6" s="9">
        <v>37</v>
      </c>
      <c r="Q6" s="9">
        <v>29</v>
      </c>
    </row>
    <row r="7" spans="1:20" ht="23.25" customHeight="1" x14ac:dyDescent="0.15">
      <c r="A7" s="7" t="s">
        <v>8</v>
      </c>
      <c r="B7" s="8" t="s">
        <v>6</v>
      </c>
      <c r="C7" s="8" t="s">
        <v>6</v>
      </c>
      <c r="D7" s="8" t="s">
        <v>6</v>
      </c>
      <c r="E7" s="8" t="s">
        <v>6</v>
      </c>
      <c r="F7" s="8" t="s">
        <v>6</v>
      </c>
      <c r="G7" s="9">
        <v>73</v>
      </c>
      <c r="H7" s="9">
        <v>59</v>
      </c>
      <c r="I7" s="9">
        <v>71</v>
      </c>
      <c r="J7" s="9">
        <v>65</v>
      </c>
      <c r="K7" s="9">
        <v>59</v>
      </c>
      <c r="L7" s="9">
        <v>57</v>
      </c>
      <c r="M7" s="9">
        <v>52</v>
      </c>
      <c r="N7" s="9">
        <v>52</v>
      </c>
      <c r="O7" s="9">
        <v>47</v>
      </c>
      <c r="P7" s="9">
        <v>45</v>
      </c>
      <c r="Q7" s="9">
        <v>44</v>
      </c>
    </row>
    <row r="8" spans="1:20" ht="23.25" customHeight="1" x14ac:dyDescent="0.15">
      <c r="A8" s="10" t="s">
        <v>9</v>
      </c>
      <c r="B8" s="11" t="s">
        <v>6</v>
      </c>
      <c r="C8" s="11" t="s">
        <v>6</v>
      </c>
      <c r="D8" s="11" t="s">
        <v>6</v>
      </c>
      <c r="E8" s="11" t="s">
        <v>6</v>
      </c>
      <c r="F8" s="11" t="s">
        <v>6</v>
      </c>
      <c r="G8" s="12">
        <v>106</v>
      </c>
      <c r="H8" s="12">
        <v>61</v>
      </c>
      <c r="I8" s="12">
        <v>49</v>
      </c>
      <c r="J8" s="12">
        <v>54</v>
      </c>
      <c r="K8" s="12">
        <v>57</v>
      </c>
      <c r="L8" s="12">
        <v>60</v>
      </c>
      <c r="M8" s="12">
        <v>65</v>
      </c>
      <c r="N8" s="12">
        <v>59</v>
      </c>
      <c r="O8" s="12">
        <v>59</v>
      </c>
      <c r="P8" s="12">
        <v>54</v>
      </c>
      <c r="Q8" s="12">
        <v>53</v>
      </c>
    </row>
    <row r="9" spans="1:20" ht="23.25" customHeight="1" x14ac:dyDescent="0.15">
      <c r="A9" s="10" t="s">
        <v>10</v>
      </c>
      <c r="B9" s="11" t="s">
        <v>6</v>
      </c>
      <c r="C9" s="11" t="s">
        <v>6</v>
      </c>
      <c r="D9" s="11" t="s">
        <v>6</v>
      </c>
      <c r="E9" s="11" t="s">
        <v>6</v>
      </c>
      <c r="F9" s="11" t="s">
        <v>6</v>
      </c>
      <c r="G9" s="12">
        <v>124</v>
      </c>
      <c r="H9" s="12">
        <v>99</v>
      </c>
      <c r="I9" s="12">
        <v>59</v>
      </c>
      <c r="J9" s="12">
        <v>41</v>
      </c>
      <c r="K9" s="12">
        <v>42</v>
      </c>
      <c r="L9" s="12">
        <v>42</v>
      </c>
      <c r="M9" s="12">
        <v>35</v>
      </c>
      <c r="N9" s="12">
        <v>42</v>
      </c>
      <c r="O9" s="12">
        <v>43</v>
      </c>
      <c r="P9" s="12">
        <v>49</v>
      </c>
      <c r="Q9" s="12">
        <v>54</v>
      </c>
    </row>
    <row r="10" spans="1:20" ht="23.25" customHeight="1" x14ac:dyDescent="0.15">
      <c r="A10" s="10" t="s">
        <v>11</v>
      </c>
      <c r="B10" s="11" t="s">
        <v>6</v>
      </c>
      <c r="C10" s="11" t="s">
        <v>6</v>
      </c>
      <c r="D10" s="11" t="s">
        <v>6</v>
      </c>
      <c r="E10" s="11" t="s">
        <v>6</v>
      </c>
      <c r="F10" s="11" t="s">
        <v>6</v>
      </c>
      <c r="G10" s="12">
        <v>105</v>
      </c>
      <c r="H10" s="12">
        <v>102</v>
      </c>
      <c r="I10" s="12">
        <v>80</v>
      </c>
      <c r="J10" s="12">
        <v>68</v>
      </c>
      <c r="K10" s="12">
        <v>57</v>
      </c>
      <c r="L10" s="12">
        <v>48</v>
      </c>
      <c r="M10" s="12">
        <v>48</v>
      </c>
      <c r="N10" s="12">
        <v>32</v>
      </c>
      <c r="O10" s="12">
        <v>24</v>
      </c>
      <c r="P10" s="12">
        <v>28</v>
      </c>
      <c r="Q10" s="12">
        <v>25</v>
      </c>
    </row>
    <row r="11" spans="1:20" ht="23.25" customHeight="1" x14ac:dyDescent="0.15">
      <c r="A11" s="10" t="s">
        <v>12</v>
      </c>
      <c r="B11" s="11" t="s">
        <v>6</v>
      </c>
      <c r="C11" s="11" t="s">
        <v>6</v>
      </c>
      <c r="D11" s="11" t="s">
        <v>6</v>
      </c>
      <c r="E11" s="11" t="s">
        <v>6</v>
      </c>
      <c r="F11" s="11" t="s">
        <v>6</v>
      </c>
      <c r="G11" s="12">
        <v>135</v>
      </c>
      <c r="H11" s="12">
        <v>90</v>
      </c>
      <c r="I11" s="12">
        <v>84</v>
      </c>
      <c r="J11" s="12">
        <v>65</v>
      </c>
      <c r="K11" s="12">
        <v>60</v>
      </c>
      <c r="L11" s="12">
        <v>61</v>
      </c>
      <c r="M11" s="12">
        <v>57</v>
      </c>
      <c r="N11" s="12">
        <v>48</v>
      </c>
      <c r="O11" s="12">
        <v>45</v>
      </c>
      <c r="P11" s="12">
        <v>37</v>
      </c>
      <c r="Q11" s="12">
        <v>26</v>
      </c>
    </row>
    <row r="12" spans="1:20" ht="23.25" customHeight="1" x14ac:dyDescent="0.15">
      <c r="A12" s="10" t="s">
        <v>13</v>
      </c>
      <c r="B12" s="11" t="s">
        <v>6</v>
      </c>
      <c r="C12" s="11" t="s">
        <v>6</v>
      </c>
      <c r="D12" s="11" t="s">
        <v>6</v>
      </c>
      <c r="E12" s="11" t="s">
        <v>6</v>
      </c>
      <c r="F12" s="11" t="s">
        <v>6</v>
      </c>
      <c r="G12" s="12">
        <v>99</v>
      </c>
      <c r="H12" s="12">
        <v>124</v>
      </c>
      <c r="I12" s="12">
        <v>67</v>
      </c>
      <c r="J12" s="12">
        <v>68</v>
      </c>
      <c r="K12" s="12">
        <v>67</v>
      </c>
      <c r="L12" s="12">
        <v>64</v>
      </c>
      <c r="M12" s="12">
        <v>55</v>
      </c>
      <c r="N12" s="12">
        <v>48</v>
      </c>
      <c r="O12" s="12">
        <v>53</v>
      </c>
      <c r="P12" s="12">
        <v>50</v>
      </c>
      <c r="Q12" s="12">
        <v>46</v>
      </c>
    </row>
    <row r="13" spans="1:20" ht="23.25" customHeight="1" x14ac:dyDescent="0.15">
      <c r="A13" s="10" t="s">
        <v>14</v>
      </c>
      <c r="B13" s="11" t="s">
        <v>6</v>
      </c>
      <c r="C13" s="11" t="s">
        <v>6</v>
      </c>
      <c r="D13" s="11" t="s">
        <v>6</v>
      </c>
      <c r="E13" s="11" t="s">
        <v>6</v>
      </c>
      <c r="F13" s="11" t="s">
        <v>6</v>
      </c>
      <c r="G13" s="12">
        <v>76</v>
      </c>
      <c r="H13" s="12">
        <v>101</v>
      </c>
      <c r="I13" s="12">
        <v>112</v>
      </c>
      <c r="J13" s="12">
        <v>93</v>
      </c>
      <c r="K13" s="12">
        <v>74</v>
      </c>
      <c r="L13" s="12">
        <v>63</v>
      </c>
      <c r="M13" s="12">
        <v>71</v>
      </c>
      <c r="N13" s="12">
        <v>74</v>
      </c>
      <c r="O13" s="12">
        <v>65</v>
      </c>
      <c r="P13" s="12">
        <v>67</v>
      </c>
      <c r="Q13" s="12">
        <v>64</v>
      </c>
    </row>
    <row r="14" spans="1:20" ht="23.25" customHeight="1" x14ac:dyDescent="0.15">
      <c r="A14" s="10" t="s">
        <v>15</v>
      </c>
      <c r="B14" s="11" t="s">
        <v>6</v>
      </c>
      <c r="C14" s="11" t="s">
        <v>6</v>
      </c>
      <c r="D14" s="11" t="s">
        <v>6</v>
      </c>
      <c r="E14" s="11" t="s">
        <v>6</v>
      </c>
      <c r="F14" s="11" t="s">
        <v>6</v>
      </c>
      <c r="G14" s="12">
        <v>115</v>
      </c>
      <c r="H14" s="12">
        <v>71</v>
      </c>
      <c r="I14" s="12">
        <v>85</v>
      </c>
      <c r="J14" s="12">
        <v>97</v>
      </c>
      <c r="K14" s="12">
        <v>103</v>
      </c>
      <c r="L14" s="12">
        <v>108</v>
      </c>
      <c r="M14" s="12">
        <v>105</v>
      </c>
      <c r="N14" s="12">
        <v>99</v>
      </c>
      <c r="O14" s="12">
        <v>89</v>
      </c>
      <c r="P14" s="12">
        <v>72</v>
      </c>
      <c r="Q14" s="12">
        <v>60</v>
      </c>
    </row>
    <row r="15" spans="1:20" ht="23.25" customHeight="1" x14ac:dyDescent="0.15">
      <c r="A15" s="10" t="s">
        <v>16</v>
      </c>
      <c r="B15" s="11" t="s">
        <v>6</v>
      </c>
      <c r="C15" s="11" t="s">
        <v>6</v>
      </c>
      <c r="D15" s="11" t="s">
        <v>6</v>
      </c>
      <c r="E15" s="11" t="s">
        <v>6</v>
      </c>
      <c r="F15" s="11" t="s">
        <v>6</v>
      </c>
      <c r="G15" s="12">
        <v>158</v>
      </c>
      <c r="H15" s="12">
        <v>109</v>
      </c>
      <c r="I15" s="12">
        <v>72</v>
      </c>
      <c r="J15" s="12">
        <v>81</v>
      </c>
      <c r="K15" s="12">
        <v>82</v>
      </c>
      <c r="L15" s="12">
        <v>84</v>
      </c>
      <c r="M15" s="12">
        <v>85</v>
      </c>
      <c r="N15" s="12">
        <v>81</v>
      </c>
      <c r="O15" s="12">
        <v>94</v>
      </c>
      <c r="P15" s="12">
        <v>102</v>
      </c>
      <c r="Q15" s="12">
        <v>105</v>
      </c>
    </row>
    <row r="16" spans="1:20" ht="23.25" customHeight="1" x14ac:dyDescent="0.15">
      <c r="A16" s="10" t="s">
        <v>17</v>
      </c>
      <c r="B16" s="11" t="s">
        <v>6</v>
      </c>
      <c r="C16" s="11" t="s">
        <v>6</v>
      </c>
      <c r="D16" s="11" t="s">
        <v>6</v>
      </c>
      <c r="E16" s="11" t="s">
        <v>6</v>
      </c>
      <c r="F16" s="11" t="s">
        <v>6</v>
      </c>
      <c r="G16" s="12">
        <v>154</v>
      </c>
      <c r="H16" s="12">
        <v>153</v>
      </c>
      <c r="I16" s="12">
        <v>109</v>
      </c>
      <c r="J16" s="12">
        <v>70</v>
      </c>
      <c r="K16" s="12">
        <v>70</v>
      </c>
      <c r="L16" s="12">
        <v>68</v>
      </c>
      <c r="M16" s="12">
        <v>70</v>
      </c>
      <c r="N16" s="12">
        <v>81</v>
      </c>
      <c r="O16" s="12">
        <v>78</v>
      </c>
      <c r="P16" s="12">
        <v>73</v>
      </c>
      <c r="Q16" s="12">
        <v>77</v>
      </c>
    </row>
    <row r="17" spans="1:17" ht="23.25" customHeight="1" x14ac:dyDescent="0.15">
      <c r="A17" s="10" t="s">
        <v>18</v>
      </c>
      <c r="B17" s="11" t="s">
        <v>6</v>
      </c>
      <c r="C17" s="11" t="s">
        <v>6</v>
      </c>
      <c r="D17" s="11" t="s">
        <v>6</v>
      </c>
      <c r="E17" s="11" t="s">
        <v>6</v>
      </c>
      <c r="F17" s="11" t="s">
        <v>6</v>
      </c>
      <c r="G17" s="12">
        <v>105</v>
      </c>
      <c r="H17" s="12">
        <v>151</v>
      </c>
      <c r="I17" s="12">
        <v>146</v>
      </c>
      <c r="J17" s="12">
        <v>127</v>
      </c>
      <c r="K17" s="12">
        <v>109</v>
      </c>
      <c r="L17" s="12">
        <v>106</v>
      </c>
      <c r="M17" s="12">
        <v>85</v>
      </c>
      <c r="N17" s="12">
        <v>76</v>
      </c>
      <c r="O17" s="12">
        <v>65</v>
      </c>
      <c r="P17" s="12">
        <v>68</v>
      </c>
      <c r="Q17" s="12">
        <v>66</v>
      </c>
    </row>
    <row r="18" spans="1:17" ht="23.25" customHeight="1" x14ac:dyDescent="0.15">
      <c r="A18" s="13" t="s">
        <v>19</v>
      </c>
      <c r="B18" s="14" t="s">
        <v>6</v>
      </c>
      <c r="C18" s="14" t="s">
        <v>6</v>
      </c>
      <c r="D18" s="14" t="s">
        <v>6</v>
      </c>
      <c r="E18" s="14" t="s">
        <v>6</v>
      </c>
      <c r="F18" s="14" t="s">
        <v>6</v>
      </c>
      <c r="G18" s="15">
        <v>92</v>
      </c>
      <c r="H18" s="15">
        <v>98</v>
      </c>
      <c r="I18" s="15">
        <v>140</v>
      </c>
      <c r="J18" s="15">
        <v>151</v>
      </c>
      <c r="K18" s="15">
        <v>148</v>
      </c>
      <c r="L18" s="15">
        <v>141</v>
      </c>
      <c r="M18" s="15">
        <v>149</v>
      </c>
      <c r="N18" s="15">
        <v>132</v>
      </c>
      <c r="O18" s="15">
        <v>128</v>
      </c>
      <c r="P18" s="15">
        <v>106</v>
      </c>
      <c r="Q18" s="15">
        <v>99</v>
      </c>
    </row>
    <row r="19" spans="1:17" ht="23.25" customHeight="1" x14ac:dyDescent="0.15">
      <c r="A19" s="13" t="s">
        <v>20</v>
      </c>
      <c r="B19" s="14" t="s">
        <v>6</v>
      </c>
      <c r="C19" s="14" t="s">
        <v>6</v>
      </c>
      <c r="D19" s="14" t="s">
        <v>6</v>
      </c>
      <c r="E19" s="14" t="s">
        <v>6</v>
      </c>
      <c r="F19" s="14" t="s">
        <v>6</v>
      </c>
      <c r="G19" s="15">
        <v>119</v>
      </c>
      <c r="H19" s="15">
        <v>84</v>
      </c>
      <c r="I19" s="15">
        <v>95</v>
      </c>
      <c r="J19" s="15">
        <v>107</v>
      </c>
      <c r="K19" s="15">
        <v>118</v>
      </c>
      <c r="L19" s="15">
        <v>132</v>
      </c>
      <c r="M19" s="15">
        <v>139</v>
      </c>
      <c r="N19" s="15">
        <v>137</v>
      </c>
      <c r="O19" s="15">
        <v>145</v>
      </c>
      <c r="P19" s="15">
        <v>140</v>
      </c>
      <c r="Q19" s="15">
        <v>132</v>
      </c>
    </row>
    <row r="20" spans="1:17" ht="23.25" customHeight="1" x14ac:dyDescent="0.15">
      <c r="A20" s="13" t="s">
        <v>21</v>
      </c>
      <c r="B20" s="14" t="s">
        <v>6</v>
      </c>
      <c r="C20" s="14" t="s">
        <v>6</v>
      </c>
      <c r="D20" s="14" t="s">
        <v>6</v>
      </c>
      <c r="E20" s="14" t="s">
        <v>6</v>
      </c>
      <c r="F20" s="14" t="s">
        <v>6</v>
      </c>
      <c r="G20" s="15">
        <v>129</v>
      </c>
      <c r="H20" s="15">
        <v>103</v>
      </c>
      <c r="I20" s="15">
        <v>72</v>
      </c>
      <c r="J20" s="15">
        <v>87</v>
      </c>
      <c r="K20" s="15">
        <v>85</v>
      </c>
      <c r="L20" s="15">
        <v>81</v>
      </c>
      <c r="M20" s="15">
        <v>78</v>
      </c>
      <c r="N20" s="15">
        <v>87</v>
      </c>
      <c r="O20" s="15">
        <v>93</v>
      </c>
      <c r="P20" s="15">
        <v>105</v>
      </c>
      <c r="Q20" s="15">
        <v>122</v>
      </c>
    </row>
    <row r="21" spans="1:17" ht="23.25" customHeight="1" x14ac:dyDescent="0.15">
      <c r="A21" s="13" t="s">
        <v>22</v>
      </c>
      <c r="B21" s="14" t="s">
        <v>6</v>
      </c>
      <c r="C21" s="14" t="s">
        <v>6</v>
      </c>
      <c r="D21" s="14" t="s">
        <v>6</v>
      </c>
      <c r="E21" s="14" t="s">
        <v>6</v>
      </c>
      <c r="F21" s="14" t="s">
        <v>6</v>
      </c>
      <c r="G21" s="15">
        <v>80</v>
      </c>
      <c r="H21" s="15">
        <v>109</v>
      </c>
      <c r="I21" s="15">
        <v>96</v>
      </c>
      <c r="J21" s="15">
        <v>72</v>
      </c>
      <c r="K21" s="15">
        <v>67</v>
      </c>
      <c r="L21" s="15">
        <v>55</v>
      </c>
      <c r="M21" s="15">
        <v>64</v>
      </c>
      <c r="N21" s="15">
        <v>67</v>
      </c>
      <c r="O21" s="15">
        <v>75</v>
      </c>
      <c r="P21" s="15">
        <v>76</v>
      </c>
      <c r="Q21" s="15">
        <v>69</v>
      </c>
    </row>
    <row r="22" spans="1:17" ht="23.25" customHeight="1" x14ac:dyDescent="0.15">
      <c r="A22" s="13" t="s">
        <v>23</v>
      </c>
      <c r="B22" s="14" t="s">
        <v>6</v>
      </c>
      <c r="C22" s="14" t="s">
        <v>6</v>
      </c>
      <c r="D22" s="14" t="s">
        <v>6</v>
      </c>
      <c r="E22" s="14" t="s">
        <v>6</v>
      </c>
      <c r="F22" s="14" t="s">
        <v>6</v>
      </c>
      <c r="G22" s="15">
        <v>45</v>
      </c>
      <c r="H22" s="15">
        <v>53</v>
      </c>
      <c r="I22" s="15">
        <v>76</v>
      </c>
      <c r="J22" s="15">
        <v>69</v>
      </c>
      <c r="K22" s="15">
        <v>61</v>
      </c>
      <c r="L22" s="15">
        <v>70</v>
      </c>
      <c r="M22" s="15">
        <v>63</v>
      </c>
      <c r="N22" s="15">
        <v>58</v>
      </c>
      <c r="O22" s="15">
        <v>55</v>
      </c>
      <c r="P22" s="15">
        <v>55</v>
      </c>
      <c r="Q22" s="15">
        <v>45</v>
      </c>
    </row>
    <row r="23" spans="1:17" ht="23.25" customHeight="1" x14ac:dyDescent="0.15">
      <c r="A23" s="13" t="s">
        <v>24</v>
      </c>
      <c r="B23" s="14" t="s">
        <v>6</v>
      </c>
      <c r="C23" s="14" t="s">
        <v>6</v>
      </c>
      <c r="D23" s="14" t="s">
        <v>6</v>
      </c>
      <c r="E23" s="14" t="s">
        <v>6</v>
      </c>
      <c r="F23" s="14" t="s">
        <v>6</v>
      </c>
      <c r="G23" s="15">
        <v>13</v>
      </c>
      <c r="H23" s="15">
        <v>23</v>
      </c>
      <c r="I23" s="15">
        <v>32</v>
      </c>
      <c r="J23" s="15">
        <v>37</v>
      </c>
      <c r="K23" s="15">
        <v>42</v>
      </c>
      <c r="L23" s="15">
        <v>40</v>
      </c>
      <c r="M23" s="15">
        <v>39</v>
      </c>
      <c r="N23" s="15">
        <v>43</v>
      </c>
      <c r="O23" s="15">
        <v>40</v>
      </c>
      <c r="P23" s="15">
        <v>30</v>
      </c>
      <c r="Q23" s="15">
        <v>37</v>
      </c>
    </row>
    <row r="24" spans="1:17" ht="23.25" customHeight="1" x14ac:dyDescent="0.15">
      <c r="A24" s="13" t="s">
        <v>25</v>
      </c>
      <c r="B24" s="14" t="s">
        <v>6</v>
      </c>
      <c r="C24" s="14" t="s">
        <v>6</v>
      </c>
      <c r="D24" s="14" t="s">
        <v>6</v>
      </c>
      <c r="E24" s="14" t="s">
        <v>6</v>
      </c>
      <c r="F24" s="14" t="s">
        <v>6</v>
      </c>
      <c r="G24" s="15">
        <v>6</v>
      </c>
      <c r="H24" s="15">
        <v>3</v>
      </c>
      <c r="I24" s="15">
        <v>4</v>
      </c>
      <c r="J24" s="15">
        <v>10</v>
      </c>
      <c r="K24" s="15">
        <v>15</v>
      </c>
      <c r="L24" s="15">
        <v>14</v>
      </c>
      <c r="M24" s="15">
        <v>12</v>
      </c>
      <c r="N24" s="15">
        <v>11</v>
      </c>
      <c r="O24" s="15">
        <v>16</v>
      </c>
      <c r="P24" s="15">
        <v>19</v>
      </c>
      <c r="Q24" s="15">
        <v>15</v>
      </c>
    </row>
    <row r="25" spans="1:17" ht="23.25" customHeight="1" x14ac:dyDescent="0.15">
      <c r="A25" s="13" t="s">
        <v>26</v>
      </c>
      <c r="B25" s="14" t="s">
        <v>6</v>
      </c>
      <c r="C25" s="14" t="s">
        <v>6</v>
      </c>
      <c r="D25" s="14" t="s">
        <v>6</v>
      </c>
      <c r="E25" s="14" t="s">
        <v>6</v>
      </c>
      <c r="F25" s="14" t="s">
        <v>6</v>
      </c>
      <c r="G25" s="15">
        <v>0</v>
      </c>
      <c r="H25" s="15">
        <v>1</v>
      </c>
      <c r="I25" s="15">
        <v>1</v>
      </c>
      <c r="J25" s="15">
        <v>0</v>
      </c>
      <c r="K25" s="15">
        <v>0</v>
      </c>
      <c r="L25" s="15">
        <v>0</v>
      </c>
      <c r="M25" s="15">
        <v>0</v>
      </c>
      <c r="N25" s="15">
        <v>1</v>
      </c>
      <c r="O25" s="15">
        <v>3</v>
      </c>
      <c r="P25" s="15">
        <v>3</v>
      </c>
      <c r="Q25" s="15">
        <v>1</v>
      </c>
    </row>
    <row r="26" spans="1:17" ht="23.25" customHeight="1" x14ac:dyDescent="0.15">
      <c r="A26" s="6" t="s">
        <v>27</v>
      </c>
      <c r="B26" s="16" t="s">
        <v>6</v>
      </c>
      <c r="C26" s="16" t="s">
        <v>6</v>
      </c>
      <c r="D26" s="16" t="s">
        <v>6</v>
      </c>
      <c r="E26" s="16" t="s">
        <v>6</v>
      </c>
      <c r="F26" s="16" t="s">
        <v>6</v>
      </c>
      <c r="G26" s="17">
        <v>1872</v>
      </c>
      <c r="H26" s="17">
        <v>1732</v>
      </c>
      <c r="I26" s="17">
        <v>1568</v>
      </c>
      <c r="J26" s="17">
        <v>1451</v>
      </c>
      <c r="K26" s="17">
        <v>1398</v>
      </c>
      <c r="L26" s="17">
        <v>1369</v>
      </c>
      <c r="M26" s="17">
        <v>1346</v>
      </c>
      <c r="N26" s="17">
        <v>1290</v>
      </c>
      <c r="O26" s="17">
        <v>1276</v>
      </c>
      <c r="P26" s="17">
        <v>1230</v>
      </c>
      <c r="Q26" s="17">
        <v>1174</v>
      </c>
    </row>
    <row r="27" spans="1:17" ht="23.25" customHeight="1" x14ac:dyDescent="0.15">
      <c r="A27" s="4"/>
      <c r="B27" s="4"/>
      <c r="C27" s="4"/>
      <c r="D27" s="4"/>
      <c r="E27" s="4"/>
      <c r="F27" s="4"/>
      <c r="G27" s="4"/>
      <c r="H27" s="4"/>
      <c r="I27" s="4"/>
      <c r="J27" s="45"/>
      <c r="K27" s="45"/>
      <c r="L27" s="45"/>
      <c r="M27" s="45"/>
      <c r="N27" s="45"/>
      <c r="O27" s="45"/>
      <c r="P27" s="45"/>
      <c r="Q27" s="45"/>
    </row>
    <row r="28" spans="1:17" ht="20.100000000000001" customHeight="1" x14ac:dyDescent="0.2">
      <c r="A28" s="4"/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O28" s="18"/>
      <c r="P28" s="18"/>
      <c r="Q28" s="18"/>
    </row>
    <row r="29" spans="1:17" s="3" customFormat="1" ht="21.75" customHeight="1" x14ac:dyDescent="0.15">
      <c r="A29" s="3" t="s">
        <v>28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15">
      <c r="A30" s="6" t="s">
        <v>1</v>
      </c>
      <c r="B30" s="6" t="s">
        <v>2</v>
      </c>
      <c r="C30" s="6">
        <v>60</v>
      </c>
      <c r="D30" s="6" t="s">
        <v>3</v>
      </c>
      <c r="E30" s="6">
        <v>7</v>
      </c>
      <c r="F30" s="6">
        <v>12</v>
      </c>
      <c r="G30" s="6">
        <v>17</v>
      </c>
      <c r="H30" s="6">
        <v>22</v>
      </c>
      <c r="I30" s="6">
        <v>27</v>
      </c>
      <c r="J30" s="6">
        <v>30</v>
      </c>
      <c r="K30" s="6" t="s">
        <v>4</v>
      </c>
      <c r="L30" s="6">
        <v>2</v>
      </c>
      <c r="M30" s="6">
        <v>3</v>
      </c>
      <c r="N30" s="6">
        <v>4</v>
      </c>
      <c r="O30" s="6">
        <v>5</v>
      </c>
      <c r="P30" s="6">
        <v>6</v>
      </c>
      <c r="Q30" s="6">
        <v>7</v>
      </c>
    </row>
    <row r="31" spans="1:17" ht="23.25" customHeight="1" x14ac:dyDescent="0.15">
      <c r="A31" s="7" t="s">
        <v>29</v>
      </c>
      <c r="B31" s="8" t="s">
        <v>6</v>
      </c>
      <c r="C31" s="8" t="s">
        <v>6</v>
      </c>
      <c r="D31" s="8" t="s">
        <v>6</v>
      </c>
      <c r="E31" s="8" t="s">
        <v>6</v>
      </c>
      <c r="F31" s="8" t="s">
        <v>6</v>
      </c>
      <c r="G31" s="20">
        <v>211</v>
      </c>
      <c r="H31" s="20">
        <v>197</v>
      </c>
      <c r="I31" s="20">
        <v>189</v>
      </c>
      <c r="J31" s="20">
        <v>154</v>
      </c>
      <c r="K31" s="20">
        <v>141</v>
      </c>
      <c r="L31" s="20">
        <v>132</v>
      </c>
      <c r="M31" s="20">
        <v>126</v>
      </c>
      <c r="N31" s="20">
        <v>114</v>
      </c>
      <c r="O31" s="20">
        <v>106</v>
      </c>
      <c r="P31" s="20">
        <v>96</v>
      </c>
      <c r="Q31" s="20">
        <v>78</v>
      </c>
    </row>
    <row r="32" spans="1:17" ht="23.25" customHeight="1" x14ac:dyDescent="0.15">
      <c r="A32" s="10" t="s">
        <v>30</v>
      </c>
      <c r="B32" s="11" t="s">
        <v>6</v>
      </c>
      <c r="C32" s="11" t="s">
        <v>6</v>
      </c>
      <c r="D32" s="11" t="s">
        <v>6</v>
      </c>
      <c r="E32" s="11" t="s">
        <v>6</v>
      </c>
      <c r="F32" s="11" t="s">
        <v>6</v>
      </c>
      <c r="G32" s="21">
        <v>1177</v>
      </c>
      <c r="H32" s="21">
        <v>1061</v>
      </c>
      <c r="I32" s="21">
        <v>863</v>
      </c>
      <c r="J32" s="21">
        <v>764</v>
      </c>
      <c r="K32" s="21">
        <v>721</v>
      </c>
      <c r="L32" s="21">
        <v>704</v>
      </c>
      <c r="M32" s="21">
        <v>676</v>
      </c>
      <c r="N32" s="21">
        <v>640</v>
      </c>
      <c r="O32" s="21">
        <v>615</v>
      </c>
      <c r="P32" s="21">
        <v>600</v>
      </c>
      <c r="Q32" s="21">
        <v>576</v>
      </c>
    </row>
    <row r="33" spans="1:21" ht="23.25" customHeight="1" x14ac:dyDescent="0.15">
      <c r="A33" s="13" t="s">
        <v>31</v>
      </c>
      <c r="B33" s="14" t="s">
        <v>6</v>
      </c>
      <c r="C33" s="14" t="s">
        <v>6</v>
      </c>
      <c r="D33" s="14" t="s">
        <v>6</v>
      </c>
      <c r="E33" s="14" t="s">
        <v>6</v>
      </c>
      <c r="F33" s="14" t="s">
        <v>6</v>
      </c>
      <c r="G33" s="22">
        <v>484</v>
      </c>
      <c r="H33" s="22">
        <v>474</v>
      </c>
      <c r="I33" s="22">
        <v>516</v>
      </c>
      <c r="J33" s="22">
        <v>533</v>
      </c>
      <c r="K33" s="22">
        <v>536</v>
      </c>
      <c r="L33" s="22">
        <v>533</v>
      </c>
      <c r="M33" s="22">
        <v>544</v>
      </c>
      <c r="N33" s="22">
        <v>536</v>
      </c>
      <c r="O33" s="22">
        <v>555</v>
      </c>
      <c r="P33" s="22">
        <v>534</v>
      </c>
      <c r="Q33" s="22">
        <v>520</v>
      </c>
    </row>
    <row r="34" spans="1:21" ht="23.25" customHeight="1" x14ac:dyDescent="0.15">
      <c r="A34" s="6" t="s">
        <v>32</v>
      </c>
      <c r="B34" s="16" t="s">
        <v>6</v>
      </c>
      <c r="C34" s="16" t="s">
        <v>6</v>
      </c>
      <c r="D34" s="16" t="s">
        <v>6</v>
      </c>
      <c r="E34" s="16" t="s">
        <v>6</v>
      </c>
      <c r="F34" s="16" t="s">
        <v>6</v>
      </c>
      <c r="G34" s="23">
        <v>1872</v>
      </c>
      <c r="H34" s="23">
        <v>1732</v>
      </c>
      <c r="I34" s="23">
        <v>1568</v>
      </c>
      <c r="J34" s="23">
        <v>1451</v>
      </c>
      <c r="K34" s="23">
        <v>1398</v>
      </c>
      <c r="L34" s="23">
        <v>1369</v>
      </c>
      <c r="M34" s="23">
        <v>1346</v>
      </c>
      <c r="N34" s="23">
        <v>1290</v>
      </c>
      <c r="O34" s="23">
        <v>1276</v>
      </c>
      <c r="P34" s="23">
        <v>1230</v>
      </c>
      <c r="Q34" s="23">
        <v>1174</v>
      </c>
    </row>
    <row r="35" spans="1:21" s="5" customFormat="1" ht="21.75" customHeight="1" x14ac:dyDescent="0.15">
      <c r="A35" s="24"/>
      <c r="B35" s="25"/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6"/>
      <c r="Q35" s="26"/>
    </row>
    <row r="36" spans="1:21" s="5" customFormat="1" ht="21.75" customHeight="1" x14ac:dyDescent="0.15">
      <c r="A36" s="27"/>
      <c r="B36" s="26"/>
      <c r="C36" s="26"/>
      <c r="D36" s="26"/>
      <c r="E36" s="26"/>
      <c r="F36" s="26"/>
      <c r="G36" s="26"/>
      <c r="H36" s="26"/>
      <c r="I36" s="26"/>
      <c r="J36" s="26"/>
      <c r="K36" s="26"/>
      <c r="L36" s="26"/>
      <c r="M36" s="26"/>
      <c r="N36" s="26"/>
      <c r="O36" s="26"/>
      <c r="P36" s="26"/>
      <c r="Q36" s="26"/>
    </row>
    <row r="37" spans="1:21" s="3" customFormat="1" ht="21.75" customHeight="1" x14ac:dyDescent="0.15">
      <c r="A37" s="28" t="s">
        <v>33</v>
      </c>
      <c r="B37" s="29"/>
      <c r="C37" s="29"/>
      <c r="D37" s="29"/>
      <c r="E37" s="29"/>
      <c r="F37" s="29"/>
      <c r="G37" s="29"/>
      <c r="H37" s="29"/>
      <c r="I37" s="29"/>
      <c r="J37" s="29"/>
      <c r="K37" s="29"/>
      <c r="L37" s="29"/>
      <c r="M37" s="29"/>
      <c r="N37" s="29"/>
      <c r="O37" s="29"/>
      <c r="P37" s="30"/>
      <c r="Q37" s="30"/>
    </row>
    <row r="38" spans="1:21" s="5" customFormat="1" ht="21.75" customHeight="1" x14ac:dyDescent="0.15">
      <c r="A38" s="6" t="s">
        <v>1</v>
      </c>
      <c r="B38" s="6" t="s">
        <v>2</v>
      </c>
      <c r="C38" s="6">
        <v>60</v>
      </c>
      <c r="D38" s="6" t="s">
        <v>3</v>
      </c>
      <c r="E38" s="6">
        <v>7</v>
      </c>
      <c r="F38" s="6">
        <v>12</v>
      </c>
      <c r="G38" s="6">
        <v>17</v>
      </c>
      <c r="H38" s="6">
        <v>22</v>
      </c>
      <c r="I38" s="6">
        <v>27</v>
      </c>
      <c r="J38" s="6">
        <v>30</v>
      </c>
      <c r="K38" s="6" t="s">
        <v>4</v>
      </c>
      <c r="L38" s="6">
        <v>2</v>
      </c>
      <c r="M38" s="6">
        <v>3</v>
      </c>
      <c r="N38" s="6">
        <v>4</v>
      </c>
      <c r="O38" s="6">
        <v>5</v>
      </c>
      <c r="P38" s="6">
        <v>6</v>
      </c>
      <c r="Q38" s="6">
        <v>7</v>
      </c>
    </row>
    <row r="39" spans="1:21" ht="23.25" customHeight="1" x14ac:dyDescent="0.15">
      <c r="A39" s="7" t="s">
        <v>29</v>
      </c>
      <c r="B39" s="31" t="s">
        <v>6</v>
      </c>
      <c r="C39" s="31" t="s">
        <v>6</v>
      </c>
      <c r="D39" s="31" t="s">
        <v>6</v>
      </c>
      <c r="E39" s="31" t="s">
        <v>6</v>
      </c>
      <c r="F39" s="31" t="s">
        <v>6</v>
      </c>
      <c r="G39" s="32">
        <v>11.3</v>
      </c>
      <c r="H39" s="32">
        <v>11.4</v>
      </c>
      <c r="I39" s="32">
        <v>12.1</v>
      </c>
      <c r="J39" s="32">
        <v>10.6</v>
      </c>
      <c r="K39" s="32">
        <v>10.1</v>
      </c>
      <c r="L39" s="32">
        <v>9.6</v>
      </c>
      <c r="M39" s="32">
        <v>9.4</v>
      </c>
      <c r="N39" s="32">
        <v>8.8000000000000007</v>
      </c>
      <c r="O39" s="32">
        <v>8.3000000000000007</v>
      </c>
      <c r="P39" s="32">
        <v>7.8</v>
      </c>
      <c r="Q39" s="32">
        <v>6.6</v>
      </c>
    </row>
    <row r="40" spans="1:21" ht="23.25" customHeight="1" x14ac:dyDescent="0.15">
      <c r="A40" s="10" t="s">
        <v>30</v>
      </c>
      <c r="B40" s="33" t="s">
        <v>6</v>
      </c>
      <c r="C40" s="33" t="s">
        <v>6</v>
      </c>
      <c r="D40" s="33" t="s">
        <v>6</v>
      </c>
      <c r="E40" s="33" t="s">
        <v>6</v>
      </c>
      <c r="F40" s="33" t="s">
        <v>6</v>
      </c>
      <c r="G40" s="34">
        <v>62.9</v>
      </c>
      <c r="H40" s="34">
        <v>61.3</v>
      </c>
      <c r="I40" s="34">
        <v>55</v>
      </c>
      <c r="J40" s="34">
        <v>52.7</v>
      </c>
      <c r="K40" s="34">
        <v>51.6</v>
      </c>
      <c r="L40" s="34">
        <v>51.4</v>
      </c>
      <c r="M40" s="34">
        <v>50.2</v>
      </c>
      <c r="N40" s="34">
        <v>49.6</v>
      </c>
      <c r="O40" s="34">
        <v>48.2</v>
      </c>
      <c r="P40" s="34">
        <v>48.8</v>
      </c>
      <c r="Q40" s="34">
        <v>49.1</v>
      </c>
    </row>
    <row r="41" spans="1:21" ht="23.25" customHeight="1" x14ac:dyDescent="0.15">
      <c r="A41" s="13" t="s">
        <v>31</v>
      </c>
      <c r="B41" s="35" t="s">
        <v>6</v>
      </c>
      <c r="C41" s="35" t="s">
        <v>6</v>
      </c>
      <c r="D41" s="35" t="s">
        <v>6</v>
      </c>
      <c r="E41" s="35" t="s">
        <v>6</v>
      </c>
      <c r="F41" s="35" t="s">
        <v>6</v>
      </c>
      <c r="G41" s="36">
        <v>25.9</v>
      </c>
      <c r="H41" s="36">
        <v>27.4</v>
      </c>
      <c r="I41" s="36">
        <v>32.9</v>
      </c>
      <c r="J41" s="36">
        <v>36.700000000000003</v>
      </c>
      <c r="K41" s="36">
        <v>38.299999999999997</v>
      </c>
      <c r="L41" s="36">
        <v>38.9</v>
      </c>
      <c r="M41" s="36">
        <v>40.4</v>
      </c>
      <c r="N41" s="36">
        <v>41.6</v>
      </c>
      <c r="O41" s="36">
        <v>43.5</v>
      </c>
      <c r="P41" s="36">
        <v>43.4</v>
      </c>
      <c r="Q41" s="36">
        <v>44.3</v>
      </c>
    </row>
    <row r="42" spans="1:21" ht="23.25" customHeight="1" x14ac:dyDescent="0.15">
      <c r="A42" s="37" t="s">
        <v>34</v>
      </c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5"/>
      <c r="P42" s="5"/>
      <c r="Q42" s="5"/>
      <c r="R42" s="5"/>
      <c r="S42" s="5"/>
      <c r="T42" s="5"/>
    </row>
    <row r="43" spans="1:21" ht="23.25" customHeight="1" x14ac:dyDescent="0.15">
      <c r="A43" s="38"/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</row>
    <row r="44" spans="1:21" ht="23.25" customHeight="1" x14ac:dyDescent="0.15">
      <c r="A44" s="38"/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</row>
    <row r="45" spans="1:21" ht="23.25" customHeight="1" x14ac:dyDescent="0.15">
      <c r="A45" s="38"/>
      <c r="B45" s="5"/>
      <c r="C45" s="5"/>
      <c r="D45" s="5"/>
      <c r="E45" s="5"/>
      <c r="F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</row>
    <row r="46" spans="1:21" ht="23.25" customHeight="1" x14ac:dyDescent="0.15">
      <c r="A46" s="38"/>
      <c r="B46" s="5"/>
      <c r="C46" s="5"/>
      <c r="D46" s="5"/>
      <c r="E46" s="5"/>
      <c r="F46" s="5"/>
      <c r="L46" s="5"/>
      <c r="M46" s="5"/>
      <c r="N46" s="5"/>
      <c r="O46" s="5"/>
      <c r="P46" s="5"/>
      <c r="Q46" s="5"/>
      <c r="R46" s="5"/>
      <c r="S46" s="5"/>
      <c r="T46" s="5"/>
    </row>
    <row r="47" spans="1:21" ht="23.25" customHeight="1" thickBot="1" x14ac:dyDescent="0.2">
      <c r="A47" s="5"/>
      <c r="B47" s="5"/>
      <c r="C47" s="5"/>
      <c r="D47" s="5"/>
      <c r="E47" s="5"/>
      <c r="F47" s="5"/>
      <c r="G47" s="5"/>
      <c r="L47" s="5"/>
      <c r="M47" s="5"/>
      <c r="N47" s="5"/>
      <c r="O47" s="5"/>
      <c r="P47" s="5"/>
      <c r="Q47" s="5"/>
      <c r="R47" s="5"/>
      <c r="S47" s="5"/>
      <c r="T47" s="5"/>
    </row>
    <row r="48" spans="1:21" ht="23.25" customHeight="1" thickTop="1" x14ac:dyDescent="0.15">
      <c r="A48" s="5"/>
      <c r="B48" s="5"/>
      <c r="C48" s="47" t="s">
        <v>35</v>
      </c>
      <c r="D48" s="48"/>
      <c r="E48" s="48"/>
      <c r="F48" s="49"/>
      <c r="J48" s="47" t="s">
        <v>36</v>
      </c>
      <c r="K48" s="48"/>
      <c r="L48" s="48"/>
      <c r="M48" s="48"/>
      <c r="N48" s="48"/>
      <c r="O48" s="49"/>
      <c r="P48" s="5"/>
      <c r="Q48" s="5"/>
      <c r="R48" s="5"/>
      <c r="S48" s="5"/>
      <c r="T48" s="5"/>
      <c r="U48" s="5"/>
    </row>
    <row r="49" spans="1:21" ht="23.25" customHeight="1" thickBot="1" x14ac:dyDescent="0.2">
      <c r="A49" s="5"/>
      <c r="B49" s="5"/>
      <c r="C49" s="50"/>
      <c r="D49" s="51"/>
      <c r="E49" s="51"/>
      <c r="F49" s="52"/>
      <c r="J49" s="50"/>
      <c r="K49" s="51"/>
      <c r="L49" s="51"/>
      <c r="M49" s="51"/>
      <c r="N49" s="51"/>
      <c r="O49" s="52"/>
      <c r="P49" s="5"/>
      <c r="Q49" s="5"/>
      <c r="R49" s="5"/>
      <c r="S49" s="5"/>
      <c r="T49" s="5"/>
      <c r="U49" s="5"/>
    </row>
    <row r="50" spans="1:21" ht="23.25" customHeight="1" thickTop="1" x14ac:dyDescent="0.2">
      <c r="A50" s="5"/>
      <c r="B50" s="5"/>
      <c r="C50" s="39"/>
      <c r="D50" s="39"/>
      <c r="E50" s="39"/>
      <c r="F50" s="5"/>
      <c r="L50" s="40"/>
      <c r="M50" s="40"/>
      <c r="N50" s="40"/>
      <c r="O50" s="5"/>
      <c r="P50" s="5"/>
      <c r="Q50" s="5"/>
      <c r="R50" s="5"/>
      <c r="S50" s="41"/>
      <c r="T50" s="5"/>
    </row>
    <row r="51" spans="1:21" ht="23.25" customHeight="1" x14ac:dyDescent="0.2">
      <c r="A51" s="5"/>
      <c r="B51" s="41"/>
      <c r="C51" s="41"/>
      <c r="D51" s="41"/>
      <c r="E51" s="41"/>
      <c r="F51" s="40"/>
      <c r="G51" s="40"/>
      <c r="H51" s="40"/>
      <c r="I51" s="40"/>
      <c r="J51" s="40"/>
      <c r="K51" s="40"/>
      <c r="L51" s="40"/>
      <c r="M51" s="40"/>
      <c r="N51" s="40"/>
      <c r="O51" s="5"/>
      <c r="P51" s="5"/>
      <c r="Q51" s="5"/>
      <c r="R51" s="5"/>
      <c r="S51" s="41"/>
      <c r="T51" s="5"/>
    </row>
    <row r="52" spans="1:21" ht="23.25" customHeight="1" x14ac:dyDescent="0.15">
      <c r="A52" s="5"/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</row>
    <row r="53" spans="1:21" ht="23.25" customHeight="1" x14ac:dyDescent="0.15">
      <c r="A53" s="5"/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</row>
    <row r="54" spans="1:21" ht="23.25" customHeight="1" x14ac:dyDescent="0.15">
      <c r="A54" s="5"/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  <c r="T54" s="5"/>
    </row>
    <row r="55" spans="1:21" ht="23.25" customHeight="1" x14ac:dyDescent="0.15">
      <c r="A55" s="5"/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  <c r="T55" s="5"/>
    </row>
    <row r="56" spans="1:21" ht="23.25" customHeight="1" x14ac:dyDescent="0.15">
      <c r="A56" s="5"/>
      <c r="B56" s="5"/>
      <c r="C56" s="5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  <c r="S56" s="5"/>
      <c r="T56" s="5"/>
    </row>
    <row r="57" spans="1:21" ht="23.25" customHeight="1" x14ac:dyDescent="0.15">
      <c r="A57" s="5"/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</row>
    <row r="58" spans="1:21" ht="23.25" customHeight="1" x14ac:dyDescent="0.15">
      <c r="A58" s="5"/>
      <c r="B58" s="5"/>
      <c r="C58" s="5"/>
      <c r="D58" s="5"/>
      <c r="E58" s="5"/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  <c r="R58" s="5"/>
      <c r="S58" s="5"/>
      <c r="T58" s="5"/>
    </row>
    <row r="59" spans="1:21" ht="23.25" customHeight="1" x14ac:dyDescent="0.15">
      <c r="A59" s="5"/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  <c r="S59" s="5"/>
      <c r="T59" s="5"/>
    </row>
    <row r="60" spans="1:21" ht="23.25" customHeight="1" x14ac:dyDescent="0.15">
      <c r="A60" s="5"/>
      <c r="B60" s="5"/>
      <c r="C60" s="5"/>
      <c r="D60" s="5"/>
      <c r="E60" s="5"/>
      <c r="F60" s="5"/>
      <c r="G60" s="5"/>
      <c r="H60" s="5"/>
      <c r="I60" s="5"/>
      <c r="J60" s="5"/>
      <c r="K60" s="5"/>
      <c r="L60" s="5"/>
      <c r="M60" s="5"/>
      <c r="N60" s="5"/>
      <c r="O60" s="5"/>
      <c r="P60" s="5"/>
      <c r="Q60" s="5"/>
      <c r="R60" s="5"/>
      <c r="S60" s="5"/>
      <c r="T60" s="5"/>
    </row>
    <row r="61" spans="1:21" ht="23.25" customHeight="1" x14ac:dyDescent="0.15">
      <c r="A61" s="5"/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</row>
    <row r="62" spans="1:21" ht="23.25" customHeight="1" x14ac:dyDescent="0.15">
      <c r="A62" s="5"/>
      <c r="B62" s="5"/>
      <c r="C62" s="5"/>
      <c r="D62" s="5"/>
      <c r="E62" s="5"/>
      <c r="F62" s="5"/>
      <c r="G62" s="5"/>
      <c r="H62" s="5"/>
      <c r="I62" s="5"/>
      <c r="J62" s="5"/>
      <c r="K62" s="5"/>
      <c r="L62" s="5"/>
      <c r="M62" s="5"/>
      <c r="N62" s="5"/>
      <c r="O62" s="5"/>
      <c r="P62" s="5"/>
      <c r="Q62" s="5"/>
      <c r="R62" s="5"/>
      <c r="S62" s="5"/>
      <c r="T62" s="5"/>
    </row>
    <row r="63" spans="1:21" ht="23.25" customHeight="1" x14ac:dyDescent="0.15">
      <c r="A63" s="5"/>
      <c r="B63" s="5"/>
      <c r="C63" s="5"/>
      <c r="D63" s="5"/>
      <c r="E63" s="5"/>
      <c r="F63" s="5"/>
      <c r="G63" s="5"/>
      <c r="H63" s="5"/>
      <c r="I63" s="5"/>
      <c r="J63" s="5"/>
      <c r="K63" s="5"/>
      <c r="L63" s="5"/>
      <c r="M63" s="5"/>
      <c r="N63" s="5"/>
      <c r="O63" s="5"/>
      <c r="P63" s="5"/>
      <c r="Q63" s="5"/>
      <c r="R63" s="5"/>
      <c r="S63" s="5"/>
      <c r="T63" s="5"/>
    </row>
    <row r="64" spans="1:21" ht="23.25" customHeight="1" x14ac:dyDescent="0.15">
      <c r="A64" s="5"/>
      <c r="B64" s="5"/>
      <c r="C64" s="5"/>
      <c r="D64" s="5"/>
      <c r="E64" s="5"/>
      <c r="F64" s="5"/>
      <c r="G64" s="5"/>
      <c r="H64" s="5"/>
      <c r="I64" s="5"/>
      <c r="J64" s="5"/>
      <c r="K64" s="5"/>
      <c r="L64" s="5"/>
      <c r="M64" s="5"/>
      <c r="N64" s="5"/>
      <c r="O64" s="5"/>
      <c r="P64" s="5"/>
      <c r="Q64" s="5"/>
      <c r="R64" s="5"/>
      <c r="S64" s="5"/>
      <c r="T64" s="5"/>
    </row>
    <row r="65" spans="1:20" ht="23.25" customHeight="1" x14ac:dyDescent="0.15">
      <c r="A65" s="5"/>
      <c r="B65" s="5"/>
      <c r="C65" s="5"/>
      <c r="D65" s="5"/>
      <c r="E65" s="5"/>
      <c r="F65" s="5"/>
      <c r="G65" s="5"/>
      <c r="H65" s="5"/>
      <c r="I65" s="5"/>
      <c r="J65" s="5"/>
      <c r="K65" s="5"/>
      <c r="L65" s="5"/>
      <c r="M65" s="5"/>
      <c r="N65" s="5"/>
      <c r="O65" s="5"/>
      <c r="P65" s="5"/>
      <c r="Q65" s="5"/>
      <c r="R65" s="5"/>
      <c r="S65" s="5"/>
      <c r="T65" s="5"/>
    </row>
    <row r="66" spans="1:20" ht="23.25" customHeight="1" x14ac:dyDescent="0.15">
      <c r="A66" s="5"/>
      <c r="B66" s="5"/>
      <c r="C66" s="5"/>
      <c r="D66" s="5"/>
      <c r="E66" s="5"/>
      <c r="F66" s="5"/>
      <c r="G66" s="5"/>
      <c r="H66" s="5"/>
      <c r="I66" s="5"/>
      <c r="J66" s="5"/>
      <c r="K66" s="5"/>
      <c r="L66" s="5"/>
      <c r="M66" s="5"/>
      <c r="N66" s="5"/>
      <c r="O66" s="5"/>
      <c r="P66" s="5"/>
      <c r="Q66" s="5"/>
      <c r="R66" s="5"/>
      <c r="S66" s="5"/>
      <c r="T66" s="5"/>
    </row>
    <row r="67" spans="1:20" ht="23.25" customHeight="1" x14ac:dyDescent="0.15">
      <c r="A67" s="5"/>
      <c r="B67" s="5"/>
      <c r="C67" s="5"/>
      <c r="D67" s="5"/>
      <c r="E67" s="5"/>
      <c r="F67" s="5"/>
      <c r="G67" s="5"/>
      <c r="H67" s="5"/>
      <c r="I67" s="5"/>
      <c r="J67" s="5"/>
      <c r="K67" s="5"/>
      <c r="L67" s="5"/>
      <c r="M67" s="5"/>
      <c r="N67" s="5"/>
      <c r="O67" s="5"/>
      <c r="P67" s="5"/>
      <c r="Q67" s="5"/>
      <c r="R67" s="5"/>
      <c r="S67" s="5"/>
      <c r="T67" s="5"/>
    </row>
    <row r="68" spans="1:20" ht="23.25" customHeight="1" x14ac:dyDescent="0.15">
      <c r="A68" s="5"/>
      <c r="B68" s="5"/>
      <c r="C68" s="5"/>
      <c r="D68" s="5"/>
      <c r="E68" s="5"/>
      <c r="F68" s="5"/>
      <c r="G68" s="5"/>
      <c r="H68" s="5"/>
      <c r="I68" s="5"/>
      <c r="J68" s="5"/>
      <c r="K68" s="5"/>
      <c r="L68" s="5"/>
      <c r="M68" s="5"/>
      <c r="N68" s="5"/>
      <c r="O68" s="5"/>
      <c r="P68" s="5"/>
      <c r="Q68" s="5"/>
      <c r="R68" s="5"/>
      <c r="S68" s="5"/>
      <c r="T68" s="5"/>
    </row>
    <row r="69" spans="1:20" ht="23.25" customHeight="1" x14ac:dyDescent="0.15">
      <c r="A69" s="5"/>
      <c r="B69" s="5"/>
      <c r="C69" s="5"/>
      <c r="D69" s="5"/>
      <c r="E69" s="5"/>
      <c r="F69" s="5"/>
      <c r="G69" s="5"/>
      <c r="H69" s="5"/>
      <c r="I69" s="5"/>
      <c r="J69" s="5"/>
      <c r="K69" s="5"/>
      <c r="L69" s="5"/>
      <c r="M69" s="5"/>
      <c r="N69" s="5"/>
      <c r="O69" s="5"/>
      <c r="P69" s="5"/>
      <c r="Q69" s="5"/>
      <c r="R69" s="5"/>
      <c r="S69" s="5"/>
      <c r="T69" s="5"/>
    </row>
    <row r="70" spans="1:20" ht="23.25" customHeight="1" x14ac:dyDescent="0.15">
      <c r="A70" s="5"/>
      <c r="B70" s="5"/>
      <c r="C70" s="5"/>
      <c r="D70" s="5"/>
      <c r="E70" s="5"/>
      <c r="F70" s="5"/>
      <c r="G70" s="5"/>
      <c r="H70" s="5"/>
      <c r="I70" s="5"/>
      <c r="J70" s="5"/>
      <c r="K70" s="5"/>
      <c r="L70" s="5"/>
      <c r="M70" s="5"/>
      <c r="N70" s="5"/>
      <c r="O70" s="5"/>
      <c r="P70" s="5"/>
      <c r="Q70" s="5"/>
      <c r="R70" s="5"/>
      <c r="S70" s="5"/>
      <c r="T70" s="5"/>
    </row>
    <row r="71" spans="1:20" ht="23.25" customHeight="1" x14ac:dyDescent="0.15">
      <c r="A71" s="5"/>
      <c r="B71" s="5"/>
      <c r="C71" s="5"/>
      <c r="D71" s="5"/>
      <c r="E71" s="5"/>
      <c r="F71" s="5"/>
      <c r="G71" s="5"/>
      <c r="H71" s="5"/>
      <c r="I71" s="5"/>
      <c r="J71" s="5"/>
      <c r="K71" s="5"/>
      <c r="L71" s="5"/>
      <c r="M71" s="5"/>
      <c r="N71" s="5"/>
      <c r="O71" s="5"/>
      <c r="P71" s="5"/>
      <c r="Q71" s="5"/>
      <c r="R71" s="5"/>
      <c r="S71" s="5"/>
      <c r="T71" s="5"/>
    </row>
    <row r="72" spans="1:20" ht="23.25" customHeight="1" x14ac:dyDescent="0.15">
      <c r="A72" s="5"/>
      <c r="B72" s="5"/>
      <c r="C72" s="5"/>
      <c r="D72" s="5"/>
      <c r="E72" s="5"/>
      <c r="F72" s="5"/>
      <c r="G72" s="5"/>
      <c r="H72" s="5"/>
      <c r="I72" s="5"/>
      <c r="J72" s="5"/>
      <c r="K72" s="5"/>
      <c r="L72" s="5"/>
      <c r="M72" s="5"/>
      <c r="N72" s="5"/>
      <c r="O72" s="5"/>
      <c r="P72" s="5"/>
      <c r="Q72" s="5"/>
      <c r="R72" s="5"/>
      <c r="S72" s="5"/>
      <c r="T72" s="5"/>
    </row>
    <row r="73" spans="1:20" ht="23.25" customHeight="1" x14ac:dyDescent="0.15">
      <c r="A73" s="5"/>
      <c r="B73" s="5"/>
      <c r="C73" s="5"/>
      <c r="D73" s="5"/>
      <c r="E73" s="5"/>
      <c r="F73" s="5"/>
      <c r="G73" s="5"/>
      <c r="H73" s="5"/>
      <c r="I73" s="5"/>
      <c r="J73" s="5"/>
      <c r="K73" s="5"/>
      <c r="L73" s="5"/>
      <c r="M73" s="5"/>
      <c r="N73" s="5"/>
      <c r="O73" s="5"/>
      <c r="P73" s="5"/>
      <c r="Q73" s="5"/>
      <c r="R73" s="5"/>
      <c r="S73" s="5"/>
      <c r="T73" s="5"/>
    </row>
    <row r="74" spans="1:20" ht="23.25" customHeight="1" x14ac:dyDescent="0.15">
      <c r="A74" s="5"/>
      <c r="B74" s="5"/>
      <c r="C74" s="5"/>
      <c r="D74" s="5"/>
      <c r="E74" s="5"/>
      <c r="F74" s="5"/>
      <c r="G74" s="5"/>
      <c r="H74" s="5"/>
      <c r="I74" s="5"/>
      <c r="J74" s="5"/>
      <c r="K74" s="5"/>
      <c r="L74" s="5"/>
      <c r="M74" s="5"/>
      <c r="N74" s="5"/>
      <c r="O74" s="5"/>
      <c r="P74" s="5"/>
      <c r="Q74" s="5"/>
      <c r="R74" s="5"/>
      <c r="S74" s="5"/>
      <c r="T74" s="5"/>
    </row>
    <row r="75" spans="1:20" ht="23.25" customHeight="1" x14ac:dyDescent="0.15">
      <c r="A75" s="5"/>
      <c r="B75" s="5"/>
      <c r="C75" s="5"/>
      <c r="D75" s="5"/>
      <c r="E75" s="5"/>
      <c r="F75" s="5"/>
      <c r="G75" s="5"/>
      <c r="H75" s="5"/>
      <c r="I75" s="5"/>
      <c r="J75" s="5"/>
      <c r="K75" s="5"/>
      <c r="L75" s="5"/>
      <c r="M75" s="5"/>
      <c r="N75" s="5"/>
      <c r="O75" s="5"/>
      <c r="P75" s="5"/>
      <c r="Q75" s="5"/>
      <c r="R75" s="5"/>
      <c r="S75" s="5"/>
      <c r="T75" s="5"/>
    </row>
    <row r="76" spans="1:20" ht="23.25" customHeight="1" x14ac:dyDescent="0.15">
      <c r="A76" s="5"/>
      <c r="B76" s="5"/>
      <c r="C76" s="5"/>
      <c r="D76" s="5"/>
      <c r="E76" s="5"/>
      <c r="F76" s="5"/>
      <c r="G76" s="5"/>
      <c r="H76" s="5"/>
      <c r="I76" s="5"/>
      <c r="J76" s="5"/>
      <c r="K76" s="5"/>
      <c r="L76" s="5"/>
      <c r="M76" s="5"/>
      <c r="N76" s="5"/>
      <c r="O76" s="5"/>
      <c r="P76" s="5"/>
      <c r="Q76" s="5"/>
      <c r="R76" s="5"/>
      <c r="S76" s="5"/>
      <c r="T76" s="5"/>
    </row>
    <row r="77" spans="1:20" ht="23.25" customHeight="1" x14ac:dyDescent="0.15">
      <c r="A77" s="5"/>
      <c r="B77" s="5"/>
      <c r="C77" s="5"/>
      <c r="D77" s="5"/>
      <c r="E77" s="5"/>
      <c r="F77" s="5"/>
      <c r="G77" s="5"/>
      <c r="H77" s="5"/>
      <c r="I77" s="5"/>
      <c r="J77" s="5"/>
      <c r="K77" s="5"/>
      <c r="L77" s="5"/>
      <c r="M77" s="5"/>
      <c r="N77" s="5"/>
      <c r="O77" s="5"/>
      <c r="P77" s="5"/>
      <c r="Q77" s="5"/>
      <c r="R77" s="5"/>
      <c r="S77" s="5"/>
      <c r="T77" s="5"/>
    </row>
    <row r="78" spans="1:20" ht="23.25" customHeight="1" x14ac:dyDescent="0.15">
      <c r="A78" s="5"/>
      <c r="B78" s="5"/>
      <c r="C78" s="5"/>
      <c r="D78" s="5"/>
      <c r="E78" s="5"/>
      <c r="F78" s="5"/>
      <c r="G78" s="5"/>
      <c r="H78" s="5"/>
      <c r="I78" s="5"/>
      <c r="J78" s="5"/>
      <c r="K78" s="5"/>
      <c r="L78" s="5"/>
      <c r="M78" s="5"/>
      <c r="N78" s="5"/>
      <c r="O78" s="5"/>
      <c r="P78" s="5"/>
      <c r="Q78" s="5"/>
      <c r="R78" s="5"/>
      <c r="S78" s="5"/>
      <c r="T78" s="5"/>
    </row>
    <row r="79" spans="1:20" ht="23.25" customHeight="1" x14ac:dyDescent="0.15">
      <c r="A79" s="5"/>
      <c r="B79" s="5"/>
      <c r="C79" s="5"/>
      <c r="D79" s="5"/>
      <c r="E79" s="5"/>
      <c r="F79" s="5"/>
      <c r="G79" s="5"/>
      <c r="H79" s="5"/>
      <c r="I79" s="5"/>
      <c r="J79" s="5"/>
      <c r="K79" s="5"/>
      <c r="L79" s="5"/>
      <c r="M79" s="5"/>
      <c r="N79" s="5"/>
      <c r="O79" s="5"/>
      <c r="P79" s="5"/>
      <c r="Q79" s="5"/>
      <c r="R79" s="5"/>
      <c r="S79" s="5"/>
      <c r="T79" s="5"/>
    </row>
    <row r="80" spans="1:20" ht="23.25" customHeight="1" x14ac:dyDescent="0.15">
      <c r="A80" s="5"/>
      <c r="B80" s="5"/>
      <c r="C80" s="5"/>
      <c r="D80" s="5"/>
      <c r="E80" s="5"/>
      <c r="F80" s="5"/>
      <c r="G80" s="5"/>
      <c r="H80" s="5"/>
      <c r="I80" s="5"/>
      <c r="J80" s="5"/>
      <c r="K80" s="5"/>
      <c r="L80" s="5"/>
      <c r="M80" s="5"/>
      <c r="N80" s="5"/>
      <c r="O80" s="5"/>
      <c r="P80" s="5"/>
      <c r="Q80" s="5"/>
      <c r="R80" s="5"/>
      <c r="S80" s="5"/>
      <c r="T80" s="5"/>
    </row>
    <row r="81" spans="1:20" ht="21.75" customHeight="1" x14ac:dyDescent="0.15">
      <c r="A81" s="5"/>
      <c r="B81" s="5"/>
      <c r="C81" s="5"/>
      <c r="D81" s="5"/>
      <c r="E81" s="5"/>
      <c r="F81" s="5"/>
      <c r="G81" s="5"/>
      <c r="H81" s="5"/>
      <c r="I81" s="5"/>
      <c r="J81" s="5"/>
      <c r="K81" s="5"/>
      <c r="L81" s="5"/>
      <c r="M81" s="5"/>
      <c r="N81" s="5"/>
      <c r="O81" s="5"/>
      <c r="P81" s="5"/>
      <c r="Q81" s="5"/>
      <c r="R81" s="5"/>
      <c r="S81" s="5"/>
      <c r="T81" s="5"/>
    </row>
    <row r="82" spans="1:20" ht="21.75" customHeight="1" x14ac:dyDescent="0.15">
      <c r="A82" s="3" t="s">
        <v>52</v>
      </c>
      <c r="B82" s="4"/>
      <c r="C82" s="4"/>
      <c r="D82" s="4"/>
      <c r="E82" s="4"/>
      <c r="F82" s="4"/>
      <c r="G82" s="4"/>
      <c r="H82" s="4"/>
      <c r="I82" s="4"/>
      <c r="J82" s="4"/>
      <c r="K82" s="4"/>
      <c r="L82" s="4"/>
      <c r="M82" s="4"/>
      <c r="N82" s="4"/>
      <c r="O82" s="4"/>
      <c r="P82" s="4"/>
      <c r="Q82" s="4"/>
      <c r="R82" s="4"/>
      <c r="S82" s="5"/>
      <c r="T82" s="5"/>
    </row>
    <row r="83" spans="1:20" ht="21.75" customHeight="1" x14ac:dyDescent="0.15">
      <c r="A83" s="6" t="s">
        <v>1</v>
      </c>
      <c r="B83" s="6" t="s">
        <v>2</v>
      </c>
      <c r="C83" s="6">
        <v>60</v>
      </c>
      <c r="D83" s="6" t="s">
        <v>3</v>
      </c>
      <c r="E83" s="6">
        <v>7</v>
      </c>
      <c r="F83" s="6">
        <v>12</v>
      </c>
      <c r="G83" s="6">
        <v>17</v>
      </c>
      <c r="H83" s="6">
        <v>22</v>
      </c>
      <c r="I83" s="6">
        <v>27</v>
      </c>
      <c r="J83" s="6">
        <v>30</v>
      </c>
      <c r="K83" s="6" t="s">
        <v>4</v>
      </c>
      <c r="L83" s="6">
        <v>2</v>
      </c>
      <c r="M83" s="6">
        <v>3</v>
      </c>
      <c r="N83" s="6">
        <v>4</v>
      </c>
      <c r="O83" s="6">
        <v>5</v>
      </c>
      <c r="P83" s="6">
        <v>6</v>
      </c>
      <c r="Q83" s="6">
        <v>7</v>
      </c>
    </row>
    <row r="84" spans="1:20" ht="21.75" customHeight="1" x14ac:dyDescent="0.15">
      <c r="A84" s="7" t="s">
        <v>5</v>
      </c>
      <c r="B84" s="8" t="s">
        <v>6</v>
      </c>
      <c r="C84" s="8" t="s">
        <v>6</v>
      </c>
      <c r="D84" s="8" t="s">
        <v>6</v>
      </c>
      <c r="E84" s="8" t="s">
        <v>6</v>
      </c>
      <c r="F84" s="8" t="s">
        <v>6</v>
      </c>
      <c r="G84" s="9">
        <v>38</v>
      </c>
      <c r="H84" s="9">
        <v>43</v>
      </c>
      <c r="I84" s="9">
        <v>28</v>
      </c>
      <c r="J84" s="9">
        <v>26</v>
      </c>
      <c r="K84" s="9">
        <v>20</v>
      </c>
      <c r="L84" s="20">
        <v>18</v>
      </c>
      <c r="M84" s="20">
        <v>17</v>
      </c>
      <c r="N84" s="20">
        <v>11</v>
      </c>
      <c r="O84" s="20">
        <v>8</v>
      </c>
      <c r="P84" s="20">
        <v>6</v>
      </c>
      <c r="Q84" s="20">
        <v>3</v>
      </c>
    </row>
    <row r="85" spans="1:20" ht="21.75" customHeight="1" x14ac:dyDescent="0.15">
      <c r="A85" s="7" t="s">
        <v>7</v>
      </c>
      <c r="B85" s="8" t="s">
        <v>6</v>
      </c>
      <c r="C85" s="8" t="s">
        <v>6</v>
      </c>
      <c r="D85" s="8" t="s">
        <v>6</v>
      </c>
      <c r="E85" s="8" t="s">
        <v>6</v>
      </c>
      <c r="F85" s="8" t="s">
        <v>6</v>
      </c>
      <c r="G85" s="9">
        <v>32</v>
      </c>
      <c r="H85" s="9">
        <v>36</v>
      </c>
      <c r="I85" s="9">
        <v>41</v>
      </c>
      <c r="J85" s="9">
        <v>29</v>
      </c>
      <c r="K85" s="9">
        <v>28</v>
      </c>
      <c r="L85" s="20">
        <v>25</v>
      </c>
      <c r="M85" s="20">
        <v>24</v>
      </c>
      <c r="N85" s="20">
        <v>23</v>
      </c>
      <c r="O85" s="20">
        <v>23</v>
      </c>
      <c r="P85" s="20">
        <v>19</v>
      </c>
      <c r="Q85" s="20">
        <v>16</v>
      </c>
    </row>
    <row r="86" spans="1:20" ht="21.75" customHeight="1" x14ac:dyDescent="0.15">
      <c r="A86" s="7" t="s">
        <v>8</v>
      </c>
      <c r="B86" s="8" t="s">
        <v>6</v>
      </c>
      <c r="C86" s="8" t="s">
        <v>6</v>
      </c>
      <c r="D86" s="8" t="s">
        <v>6</v>
      </c>
      <c r="E86" s="8" t="s">
        <v>6</v>
      </c>
      <c r="F86" s="8" t="s">
        <v>6</v>
      </c>
      <c r="G86" s="9">
        <v>36</v>
      </c>
      <c r="H86" s="9">
        <v>31</v>
      </c>
      <c r="I86" s="9">
        <v>41</v>
      </c>
      <c r="J86" s="9">
        <v>35</v>
      </c>
      <c r="K86" s="9">
        <v>30</v>
      </c>
      <c r="L86" s="20">
        <v>34</v>
      </c>
      <c r="M86" s="20">
        <v>33</v>
      </c>
      <c r="N86" s="20">
        <v>33</v>
      </c>
      <c r="O86" s="20">
        <v>29</v>
      </c>
      <c r="P86" s="20">
        <v>29</v>
      </c>
      <c r="Q86" s="20">
        <v>26</v>
      </c>
    </row>
    <row r="87" spans="1:20" ht="21.75" customHeight="1" x14ac:dyDescent="0.15">
      <c r="A87" s="10" t="s">
        <v>9</v>
      </c>
      <c r="B87" s="11" t="s">
        <v>6</v>
      </c>
      <c r="C87" s="11" t="s">
        <v>6</v>
      </c>
      <c r="D87" s="11" t="s">
        <v>6</v>
      </c>
      <c r="E87" s="11" t="s">
        <v>6</v>
      </c>
      <c r="F87" s="11" t="s">
        <v>6</v>
      </c>
      <c r="G87" s="12">
        <v>49</v>
      </c>
      <c r="H87" s="12">
        <v>28</v>
      </c>
      <c r="I87" s="12">
        <v>25</v>
      </c>
      <c r="J87" s="12">
        <v>27</v>
      </c>
      <c r="K87" s="12">
        <v>29</v>
      </c>
      <c r="L87" s="21">
        <v>31</v>
      </c>
      <c r="M87" s="21">
        <v>32</v>
      </c>
      <c r="N87" s="21">
        <v>33</v>
      </c>
      <c r="O87" s="21">
        <v>31</v>
      </c>
      <c r="P87" s="21">
        <v>28</v>
      </c>
      <c r="Q87" s="21">
        <v>32</v>
      </c>
    </row>
    <row r="88" spans="1:20" ht="21.75" customHeight="1" x14ac:dyDescent="0.15">
      <c r="A88" s="10" t="s">
        <v>10</v>
      </c>
      <c r="B88" s="11" t="s">
        <v>6</v>
      </c>
      <c r="C88" s="11" t="s">
        <v>6</v>
      </c>
      <c r="D88" s="11" t="s">
        <v>6</v>
      </c>
      <c r="E88" s="11" t="s">
        <v>6</v>
      </c>
      <c r="F88" s="11" t="s">
        <v>6</v>
      </c>
      <c r="G88" s="12">
        <v>57</v>
      </c>
      <c r="H88" s="12">
        <v>46</v>
      </c>
      <c r="I88" s="12">
        <v>28</v>
      </c>
      <c r="J88" s="12">
        <v>26</v>
      </c>
      <c r="K88" s="12">
        <v>25</v>
      </c>
      <c r="L88" s="21">
        <v>21</v>
      </c>
      <c r="M88" s="21">
        <v>19</v>
      </c>
      <c r="N88" s="21">
        <v>21</v>
      </c>
      <c r="O88" s="21">
        <v>24</v>
      </c>
      <c r="P88" s="21">
        <v>27</v>
      </c>
      <c r="Q88" s="21">
        <v>29</v>
      </c>
    </row>
    <row r="89" spans="1:20" ht="21.75" customHeight="1" x14ac:dyDescent="0.15">
      <c r="A89" s="10" t="s">
        <v>11</v>
      </c>
      <c r="B89" s="11" t="s">
        <v>6</v>
      </c>
      <c r="C89" s="11" t="s">
        <v>6</v>
      </c>
      <c r="D89" s="11" t="s">
        <v>6</v>
      </c>
      <c r="E89" s="11" t="s">
        <v>6</v>
      </c>
      <c r="F89" s="11" t="s">
        <v>6</v>
      </c>
      <c r="G89" s="12">
        <v>57</v>
      </c>
      <c r="H89" s="12">
        <v>43</v>
      </c>
      <c r="I89" s="12">
        <v>36</v>
      </c>
      <c r="J89" s="12">
        <v>34</v>
      </c>
      <c r="K89" s="12">
        <v>32</v>
      </c>
      <c r="L89" s="21">
        <v>24</v>
      </c>
      <c r="M89" s="21">
        <v>26</v>
      </c>
      <c r="N89" s="21">
        <v>19</v>
      </c>
      <c r="O89" s="21">
        <v>16</v>
      </c>
      <c r="P89" s="21">
        <v>17</v>
      </c>
      <c r="Q89" s="21">
        <v>17</v>
      </c>
    </row>
    <row r="90" spans="1:20" ht="21.75" customHeight="1" x14ac:dyDescent="0.15">
      <c r="A90" s="10" t="s">
        <v>12</v>
      </c>
      <c r="B90" s="11" t="s">
        <v>6</v>
      </c>
      <c r="C90" s="11" t="s">
        <v>6</v>
      </c>
      <c r="D90" s="11" t="s">
        <v>6</v>
      </c>
      <c r="E90" s="11" t="s">
        <v>6</v>
      </c>
      <c r="F90" s="11" t="s">
        <v>6</v>
      </c>
      <c r="G90" s="12">
        <v>81</v>
      </c>
      <c r="H90" s="12">
        <v>49</v>
      </c>
      <c r="I90" s="12">
        <v>42</v>
      </c>
      <c r="J90" s="12">
        <v>32</v>
      </c>
      <c r="K90" s="12">
        <v>31</v>
      </c>
      <c r="L90" s="21">
        <v>31</v>
      </c>
      <c r="M90" s="21">
        <v>29</v>
      </c>
      <c r="N90" s="21">
        <v>27</v>
      </c>
      <c r="O90" s="21">
        <v>23</v>
      </c>
      <c r="P90" s="21">
        <v>22</v>
      </c>
      <c r="Q90" s="21">
        <v>16</v>
      </c>
    </row>
    <row r="91" spans="1:20" ht="21.75" customHeight="1" x14ac:dyDescent="0.15">
      <c r="A91" s="10" t="s">
        <v>13</v>
      </c>
      <c r="B91" s="11" t="s">
        <v>6</v>
      </c>
      <c r="C91" s="11" t="s">
        <v>6</v>
      </c>
      <c r="D91" s="11" t="s">
        <v>6</v>
      </c>
      <c r="E91" s="11" t="s">
        <v>6</v>
      </c>
      <c r="F91" s="11" t="s">
        <v>6</v>
      </c>
      <c r="G91" s="12">
        <v>48</v>
      </c>
      <c r="H91" s="12">
        <v>70</v>
      </c>
      <c r="I91" s="12">
        <v>37</v>
      </c>
      <c r="J91" s="12">
        <v>34</v>
      </c>
      <c r="K91" s="12">
        <v>34</v>
      </c>
      <c r="L91" s="21">
        <v>33</v>
      </c>
      <c r="M91" s="21">
        <v>29</v>
      </c>
      <c r="N91" s="21">
        <v>25</v>
      </c>
      <c r="O91" s="21">
        <v>26</v>
      </c>
      <c r="P91" s="21">
        <v>24</v>
      </c>
      <c r="Q91" s="21">
        <v>23</v>
      </c>
    </row>
    <row r="92" spans="1:20" ht="21.75" customHeight="1" x14ac:dyDescent="0.15">
      <c r="A92" s="10" t="s">
        <v>14</v>
      </c>
      <c r="B92" s="11" t="s">
        <v>6</v>
      </c>
      <c r="C92" s="11" t="s">
        <v>6</v>
      </c>
      <c r="D92" s="11" t="s">
        <v>6</v>
      </c>
      <c r="E92" s="11" t="s">
        <v>6</v>
      </c>
      <c r="F92" s="11" t="s">
        <v>6</v>
      </c>
      <c r="G92" s="12">
        <v>33</v>
      </c>
      <c r="H92" s="12">
        <v>51</v>
      </c>
      <c r="I92" s="12">
        <v>59</v>
      </c>
      <c r="J92" s="12">
        <v>52</v>
      </c>
      <c r="K92" s="12">
        <v>37</v>
      </c>
      <c r="L92" s="21">
        <v>34</v>
      </c>
      <c r="M92" s="21">
        <v>36</v>
      </c>
      <c r="N92" s="21">
        <v>37</v>
      </c>
      <c r="O92" s="21">
        <v>33</v>
      </c>
      <c r="P92" s="21">
        <v>35</v>
      </c>
      <c r="Q92" s="21">
        <v>34</v>
      </c>
    </row>
    <row r="93" spans="1:20" ht="21.75" customHeight="1" x14ac:dyDescent="0.15">
      <c r="A93" s="10" t="s">
        <v>15</v>
      </c>
      <c r="B93" s="11" t="s">
        <v>6</v>
      </c>
      <c r="C93" s="11" t="s">
        <v>6</v>
      </c>
      <c r="D93" s="11" t="s">
        <v>6</v>
      </c>
      <c r="E93" s="11" t="s">
        <v>6</v>
      </c>
      <c r="F93" s="11" t="s">
        <v>6</v>
      </c>
      <c r="G93" s="12">
        <v>59</v>
      </c>
      <c r="H93" s="12">
        <v>29</v>
      </c>
      <c r="I93" s="12">
        <v>42</v>
      </c>
      <c r="J93" s="12">
        <v>52</v>
      </c>
      <c r="K93" s="12">
        <v>59</v>
      </c>
      <c r="L93" s="21">
        <v>58</v>
      </c>
      <c r="M93" s="21">
        <v>57</v>
      </c>
      <c r="N93" s="21">
        <v>51</v>
      </c>
      <c r="O93" s="21">
        <v>48</v>
      </c>
      <c r="P93" s="21">
        <v>36</v>
      </c>
      <c r="Q93" s="21">
        <v>31</v>
      </c>
    </row>
    <row r="94" spans="1:20" ht="21.75" customHeight="1" x14ac:dyDescent="0.15">
      <c r="A94" s="10" t="s">
        <v>16</v>
      </c>
      <c r="B94" s="11" t="s">
        <v>6</v>
      </c>
      <c r="C94" s="11" t="s">
        <v>6</v>
      </c>
      <c r="D94" s="11" t="s">
        <v>6</v>
      </c>
      <c r="E94" s="11" t="s">
        <v>6</v>
      </c>
      <c r="F94" s="11" t="s">
        <v>6</v>
      </c>
      <c r="G94" s="12">
        <v>85</v>
      </c>
      <c r="H94" s="12">
        <v>56</v>
      </c>
      <c r="I94" s="12">
        <v>28</v>
      </c>
      <c r="J94" s="12">
        <v>34</v>
      </c>
      <c r="K94" s="12">
        <v>35</v>
      </c>
      <c r="L94" s="21">
        <v>41</v>
      </c>
      <c r="M94" s="21">
        <v>40</v>
      </c>
      <c r="N94" s="21">
        <v>42</v>
      </c>
      <c r="O94" s="21">
        <v>52</v>
      </c>
      <c r="P94" s="21">
        <v>60</v>
      </c>
      <c r="Q94" s="21">
        <v>58</v>
      </c>
    </row>
    <row r="95" spans="1:20" ht="21.75" customHeight="1" x14ac:dyDescent="0.15">
      <c r="A95" s="10" t="s">
        <v>17</v>
      </c>
      <c r="B95" s="11" t="s">
        <v>6</v>
      </c>
      <c r="C95" s="11" t="s">
        <v>6</v>
      </c>
      <c r="D95" s="11" t="s">
        <v>6</v>
      </c>
      <c r="E95" s="11" t="s">
        <v>6</v>
      </c>
      <c r="F95" s="11" t="s">
        <v>6</v>
      </c>
      <c r="G95" s="12">
        <v>79</v>
      </c>
      <c r="H95" s="12">
        <v>81</v>
      </c>
      <c r="I95" s="12">
        <v>55</v>
      </c>
      <c r="J95" s="12">
        <v>29</v>
      </c>
      <c r="K95" s="12">
        <v>30</v>
      </c>
      <c r="L95" s="21">
        <v>27</v>
      </c>
      <c r="M95" s="21">
        <v>32</v>
      </c>
      <c r="N95" s="21">
        <v>39</v>
      </c>
      <c r="O95" s="21">
        <v>32</v>
      </c>
      <c r="P95" s="21">
        <v>31</v>
      </c>
      <c r="Q95" s="21">
        <v>36</v>
      </c>
    </row>
    <row r="96" spans="1:20" ht="21.75" customHeight="1" x14ac:dyDescent="0.15">
      <c r="A96" s="10" t="s">
        <v>18</v>
      </c>
      <c r="B96" s="11" t="s">
        <v>6</v>
      </c>
      <c r="C96" s="11" t="s">
        <v>6</v>
      </c>
      <c r="D96" s="11" t="s">
        <v>6</v>
      </c>
      <c r="E96" s="11" t="s">
        <v>6</v>
      </c>
      <c r="F96" s="11" t="s">
        <v>6</v>
      </c>
      <c r="G96" s="12">
        <v>54</v>
      </c>
      <c r="H96" s="12">
        <v>78</v>
      </c>
      <c r="I96" s="12">
        <v>77</v>
      </c>
      <c r="J96" s="12">
        <v>66</v>
      </c>
      <c r="K96" s="12">
        <v>56</v>
      </c>
      <c r="L96" s="21">
        <v>54</v>
      </c>
      <c r="M96" s="21">
        <v>37</v>
      </c>
      <c r="N96" s="21">
        <v>29</v>
      </c>
      <c r="O96" s="21">
        <v>26</v>
      </c>
      <c r="P96" s="21">
        <v>29</v>
      </c>
      <c r="Q96" s="21">
        <v>27</v>
      </c>
    </row>
    <row r="97" spans="1:17" ht="21.75" customHeight="1" x14ac:dyDescent="0.15">
      <c r="A97" s="13" t="s">
        <v>19</v>
      </c>
      <c r="B97" s="14" t="s">
        <v>6</v>
      </c>
      <c r="C97" s="14" t="s">
        <v>6</v>
      </c>
      <c r="D97" s="14" t="s">
        <v>6</v>
      </c>
      <c r="E97" s="14" t="s">
        <v>6</v>
      </c>
      <c r="F97" s="14" t="s">
        <v>6</v>
      </c>
      <c r="G97" s="15">
        <v>48</v>
      </c>
      <c r="H97" s="15">
        <v>50</v>
      </c>
      <c r="I97" s="15">
        <v>75</v>
      </c>
      <c r="J97" s="15">
        <v>80</v>
      </c>
      <c r="K97" s="15">
        <v>76</v>
      </c>
      <c r="L97" s="22">
        <v>75</v>
      </c>
      <c r="M97" s="22">
        <v>81</v>
      </c>
      <c r="N97" s="22">
        <v>72</v>
      </c>
      <c r="O97" s="22">
        <v>65</v>
      </c>
      <c r="P97" s="22">
        <v>53</v>
      </c>
      <c r="Q97" s="22">
        <v>48</v>
      </c>
    </row>
    <row r="98" spans="1:17" ht="21.75" customHeight="1" x14ac:dyDescent="0.15">
      <c r="A98" s="13" t="s">
        <v>20</v>
      </c>
      <c r="B98" s="14" t="s">
        <v>6</v>
      </c>
      <c r="C98" s="14" t="s">
        <v>6</v>
      </c>
      <c r="D98" s="14" t="s">
        <v>6</v>
      </c>
      <c r="E98" s="14" t="s">
        <v>6</v>
      </c>
      <c r="F98" s="14" t="s">
        <v>6</v>
      </c>
      <c r="G98" s="15">
        <v>44</v>
      </c>
      <c r="H98" s="15">
        <v>44</v>
      </c>
      <c r="I98" s="15">
        <v>47</v>
      </c>
      <c r="J98" s="15">
        <v>57</v>
      </c>
      <c r="K98" s="15">
        <v>65</v>
      </c>
      <c r="L98" s="22">
        <v>67</v>
      </c>
      <c r="M98" s="22">
        <v>74</v>
      </c>
      <c r="N98" s="22">
        <v>67</v>
      </c>
      <c r="O98" s="22">
        <v>75</v>
      </c>
      <c r="P98" s="22">
        <v>70</v>
      </c>
      <c r="Q98" s="22">
        <v>68</v>
      </c>
    </row>
    <row r="99" spans="1:17" ht="21.75" customHeight="1" x14ac:dyDescent="0.15">
      <c r="A99" s="13" t="s">
        <v>21</v>
      </c>
      <c r="B99" s="14" t="s">
        <v>6</v>
      </c>
      <c r="C99" s="14" t="s">
        <v>6</v>
      </c>
      <c r="D99" s="14" t="s">
        <v>6</v>
      </c>
      <c r="E99" s="14" t="s">
        <v>6</v>
      </c>
      <c r="F99" s="14" t="s">
        <v>6</v>
      </c>
      <c r="G99" s="15">
        <v>56</v>
      </c>
      <c r="H99" s="15">
        <v>33</v>
      </c>
      <c r="I99" s="15">
        <v>36</v>
      </c>
      <c r="J99" s="15">
        <v>39</v>
      </c>
      <c r="K99" s="15">
        <v>37</v>
      </c>
      <c r="L99" s="22">
        <v>37</v>
      </c>
      <c r="M99" s="22">
        <v>38</v>
      </c>
      <c r="N99" s="22">
        <v>47</v>
      </c>
      <c r="O99" s="22">
        <v>48</v>
      </c>
      <c r="P99" s="22">
        <v>55</v>
      </c>
      <c r="Q99" s="22">
        <v>59</v>
      </c>
    </row>
    <row r="100" spans="1:17" ht="21.75" customHeight="1" x14ac:dyDescent="0.15">
      <c r="A100" s="13" t="s">
        <v>22</v>
      </c>
      <c r="B100" s="14" t="s">
        <v>6</v>
      </c>
      <c r="C100" s="14" t="s">
        <v>6</v>
      </c>
      <c r="D100" s="14" t="s">
        <v>6</v>
      </c>
      <c r="E100" s="14" t="s">
        <v>6</v>
      </c>
      <c r="F100" s="14" t="s">
        <v>6</v>
      </c>
      <c r="G100" s="15">
        <v>33</v>
      </c>
      <c r="H100" s="15">
        <v>43</v>
      </c>
      <c r="I100" s="15">
        <v>27</v>
      </c>
      <c r="J100" s="15">
        <v>26</v>
      </c>
      <c r="K100" s="15">
        <v>29</v>
      </c>
      <c r="L100" s="22">
        <v>26</v>
      </c>
      <c r="M100" s="22">
        <v>28</v>
      </c>
      <c r="N100" s="22">
        <v>28</v>
      </c>
      <c r="O100" s="22">
        <v>31</v>
      </c>
      <c r="P100" s="22">
        <v>31</v>
      </c>
      <c r="Q100" s="22">
        <v>28</v>
      </c>
    </row>
    <row r="101" spans="1:17" ht="21.75" customHeight="1" x14ac:dyDescent="0.15">
      <c r="A101" s="13" t="s">
        <v>23</v>
      </c>
      <c r="B101" s="14" t="s">
        <v>6</v>
      </c>
      <c r="C101" s="14" t="s">
        <v>6</v>
      </c>
      <c r="D101" s="14" t="s">
        <v>6</v>
      </c>
      <c r="E101" s="14" t="s">
        <v>6</v>
      </c>
      <c r="F101" s="14" t="s">
        <v>6</v>
      </c>
      <c r="G101" s="15">
        <v>24</v>
      </c>
      <c r="H101" s="15">
        <v>19</v>
      </c>
      <c r="I101" s="15">
        <v>25</v>
      </c>
      <c r="J101" s="15">
        <v>23</v>
      </c>
      <c r="K101" s="15">
        <v>15</v>
      </c>
      <c r="L101" s="22">
        <v>16</v>
      </c>
      <c r="M101" s="22">
        <v>15</v>
      </c>
      <c r="N101" s="22">
        <v>17</v>
      </c>
      <c r="O101" s="22">
        <v>19</v>
      </c>
      <c r="P101" s="22">
        <v>22</v>
      </c>
      <c r="Q101" s="22">
        <v>20</v>
      </c>
    </row>
    <row r="102" spans="1:17" ht="21.75" customHeight="1" x14ac:dyDescent="0.15">
      <c r="A102" s="13" t="s">
        <v>24</v>
      </c>
      <c r="B102" s="14" t="s">
        <v>6</v>
      </c>
      <c r="C102" s="14" t="s">
        <v>6</v>
      </c>
      <c r="D102" s="14" t="s">
        <v>6</v>
      </c>
      <c r="E102" s="14" t="s">
        <v>6</v>
      </c>
      <c r="F102" s="14" t="s">
        <v>6</v>
      </c>
      <c r="G102" s="15">
        <v>2</v>
      </c>
      <c r="H102" s="15">
        <v>12</v>
      </c>
      <c r="I102" s="15">
        <v>12</v>
      </c>
      <c r="J102" s="15">
        <v>7</v>
      </c>
      <c r="K102" s="15">
        <v>11</v>
      </c>
      <c r="L102" s="22">
        <v>10</v>
      </c>
      <c r="M102" s="22">
        <v>11</v>
      </c>
      <c r="N102" s="22">
        <v>12</v>
      </c>
      <c r="O102" s="22">
        <v>11</v>
      </c>
      <c r="P102" s="22">
        <v>7</v>
      </c>
      <c r="Q102" s="22">
        <v>8</v>
      </c>
    </row>
    <row r="103" spans="1:17" ht="21.75" customHeight="1" x14ac:dyDescent="0.15">
      <c r="A103" s="13" t="s">
        <v>25</v>
      </c>
      <c r="B103" s="14" t="s">
        <v>6</v>
      </c>
      <c r="C103" s="14" t="s">
        <v>6</v>
      </c>
      <c r="D103" s="14" t="s">
        <v>6</v>
      </c>
      <c r="E103" s="14" t="s">
        <v>6</v>
      </c>
      <c r="F103" s="14" t="s">
        <v>6</v>
      </c>
      <c r="G103" s="15">
        <v>1</v>
      </c>
      <c r="H103" s="15">
        <v>1</v>
      </c>
      <c r="I103" s="15">
        <v>3</v>
      </c>
      <c r="J103" s="15">
        <v>4</v>
      </c>
      <c r="K103" s="15">
        <v>4</v>
      </c>
      <c r="L103" s="22">
        <v>3</v>
      </c>
      <c r="M103" s="22">
        <v>2</v>
      </c>
      <c r="N103" s="22">
        <v>1</v>
      </c>
      <c r="O103" s="22">
        <v>3</v>
      </c>
      <c r="P103" s="22">
        <v>3</v>
      </c>
      <c r="Q103" s="22">
        <v>1</v>
      </c>
    </row>
    <row r="104" spans="1:17" ht="21.75" customHeight="1" x14ac:dyDescent="0.15">
      <c r="A104" s="13" t="s">
        <v>26</v>
      </c>
      <c r="B104" s="14" t="s">
        <v>6</v>
      </c>
      <c r="C104" s="14" t="s">
        <v>6</v>
      </c>
      <c r="D104" s="14" t="s">
        <v>6</v>
      </c>
      <c r="E104" s="14" t="s">
        <v>6</v>
      </c>
      <c r="F104" s="14" t="s">
        <v>6</v>
      </c>
      <c r="G104" s="15">
        <v>0</v>
      </c>
      <c r="H104" s="15">
        <v>1</v>
      </c>
      <c r="I104" s="15">
        <v>1</v>
      </c>
      <c r="J104" s="15">
        <v>0</v>
      </c>
      <c r="K104" s="15">
        <v>0</v>
      </c>
      <c r="L104" s="22">
        <v>0</v>
      </c>
      <c r="M104" s="22">
        <v>0</v>
      </c>
      <c r="N104" s="22">
        <v>0</v>
      </c>
      <c r="O104" s="22">
        <v>0</v>
      </c>
      <c r="P104" s="22">
        <v>1</v>
      </c>
      <c r="Q104" s="22">
        <v>0</v>
      </c>
    </row>
    <row r="105" spans="1:17" ht="21.75" customHeight="1" x14ac:dyDescent="0.15">
      <c r="A105" s="6" t="s">
        <v>53</v>
      </c>
      <c r="B105" s="16" t="s">
        <v>6</v>
      </c>
      <c r="C105" s="16" t="s">
        <v>6</v>
      </c>
      <c r="D105" s="16" t="s">
        <v>6</v>
      </c>
      <c r="E105" s="16" t="s">
        <v>6</v>
      </c>
      <c r="F105" s="16" t="s">
        <v>6</v>
      </c>
      <c r="G105" s="17">
        <v>916</v>
      </c>
      <c r="H105" s="17">
        <v>844</v>
      </c>
      <c r="I105" s="17">
        <v>765</v>
      </c>
      <c r="J105" s="17">
        <v>712</v>
      </c>
      <c r="K105" s="17">
        <v>683</v>
      </c>
      <c r="L105" s="17">
        <v>665</v>
      </c>
      <c r="M105" s="17">
        <v>660</v>
      </c>
      <c r="N105" s="17">
        <v>634</v>
      </c>
      <c r="O105" s="17">
        <v>623</v>
      </c>
      <c r="P105" s="17">
        <v>605</v>
      </c>
      <c r="Q105" s="17">
        <v>580</v>
      </c>
    </row>
    <row r="106" spans="1:17" ht="21.75" customHeight="1" x14ac:dyDescent="0.15">
      <c r="A106" s="4"/>
      <c r="B106" s="4"/>
      <c r="C106" s="4"/>
      <c r="D106" s="4"/>
      <c r="E106" s="4"/>
      <c r="F106" s="4"/>
      <c r="G106" s="4"/>
      <c r="H106" s="4"/>
      <c r="I106" s="4"/>
      <c r="J106" s="4"/>
      <c r="K106" s="4"/>
      <c r="L106" s="4"/>
      <c r="M106" s="46"/>
      <c r="N106" s="4"/>
      <c r="O106" s="4"/>
      <c r="P106" s="4"/>
      <c r="Q106" s="4"/>
    </row>
    <row r="107" spans="1:17" ht="21.75" customHeight="1" x14ac:dyDescent="0.2">
      <c r="A107" s="4"/>
      <c r="B107" s="4"/>
      <c r="C107" s="4"/>
      <c r="D107" s="4"/>
      <c r="E107" s="4"/>
      <c r="F107" s="4"/>
      <c r="G107" s="4"/>
      <c r="H107" s="4"/>
      <c r="I107" s="4"/>
      <c r="J107" s="4"/>
      <c r="K107" s="4"/>
      <c r="L107" s="4"/>
      <c r="O107" s="18"/>
      <c r="P107" s="18"/>
      <c r="Q107" s="18"/>
    </row>
    <row r="108" spans="1:17" s="3" customFormat="1" ht="21.75" customHeight="1" x14ac:dyDescent="0.15">
      <c r="A108" s="3" t="s">
        <v>28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15">
      <c r="A109" s="6" t="s">
        <v>1</v>
      </c>
      <c r="B109" s="6" t="s">
        <v>2</v>
      </c>
      <c r="C109" s="6">
        <v>60</v>
      </c>
      <c r="D109" s="6" t="s">
        <v>3</v>
      </c>
      <c r="E109" s="6">
        <v>7</v>
      </c>
      <c r="F109" s="6">
        <v>12</v>
      </c>
      <c r="G109" s="6">
        <v>17</v>
      </c>
      <c r="H109" s="6">
        <v>22</v>
      </c>
      <c r="I109" s="6">
        <v>27</v>
      </c>
      <c r="J109" s="6">
        <v>30</v>
      </c>
      <c r="K109" s="6" t="s">
        <v>4</v>
      </c>
      <c r="L109" s="6">
        <v>2</v>
      </c>
      <c r="M109" s="6">
        <v>3</v>
      </c>
      <c r="N109" s="6">
        <v>4</v>
      </c>
      <c r="O109" s="6">
        <v>5</v>
      </c>
      <c r="P109" s="6">
        <v>6</v>
      </c>
      <c r="Q109" s="6">
        <v>7</v>
      </c>
    </row>
    <row r="110" spans="1:17" ht="21.75" customHeight="1" x14ac:dyDescent="0.15">
      <c r="A110" s="7" t="s">
        <v>54</v>
      </c>
      <c r="B110" s="8" t="s">
        <v>6</v>
      </c>
      <c r="C110" s="8" t="s">
        <v>6</v>
      </c>
      <c r="D110" s="8" t="s">
        <v>6</v>
      </c>
      <c r="E110" s="8" t="s">
        <v>6</v>
      </c>
      <c r="F110" s="8" t="s">
        <v>6</v>
      </c>
      <c r="G110" s="9">
        <v>106</v>
      </c>
      <c r="H110" s="9">
        <v>110</v>
      </c>
      <c r="I110" s="9">
        <v>110</v>
      </c>
      <c r="J110" s="9">
        <v>90</v>
      </c>
      <c r="K110" s="9">
        <v>78</v>
      </c>
      <c r="L110" s="9">
        <v>77</v>
      </c>
      <c r="M110" s="9">
        <v>74</v>
      </c>
      <c r="N110" s="9">
        <v>67</v>
      </c>
      <c r="O110" s="9">
        <v>60</v>
      </c>
      <c r="P110" s="9">
        <v>54</v>
      </c>
      <c r="Q110" s="9">
        <v>45</v>
      </c>
    </row>
    <row r="111" spans="1:17" ht="21.75" customHeight="1" x14ac:dyDescent="0.15">
      <c r="A111" s="10" t="s">
        <v>55</v>
      </c>
      <c r="B111" s="11" t="s">
        <v>6</v>
      </c>
      <c r="C111" s="11" t="s">
        <v>6</v>
      </c>
      <c r="D111" s="11" t="s">
        <v>6</v>
      </c>
      <c r="E111" s="11" t="s">
        <v>6</v>
      </c>
      <c r="F111" s="11" t="s">
        <v>6</v>
      </c>
      <c r="G111" s="12">
        <v>602</v>
      </c>
      <c r="H111" s="12">
        <v>531</v>
      </c>
      <c r="I111" s="12">
        <v>429</v>
      </c>
      <c r="J111" s="12">
        <v>386</v>
      </c>
      <c r="K111" s="12">
        <v>368</v>
      </c>
      <c r="L111" s="12">
        <v>354</v>
      </c>
      <c r="M111" s="12">
        <v>337</v>
      </c>
      <c r="N111" s="12">
        <v>323</v>
      </c>
      <c r="O111" s="12">
        <v>311</v>
      </c>
      <c r="P111" s="12">
        <v>309</v>
      </c>
      <c r="Q111" s="12">
        <v>303</v>
      </c>
    </row>
    <row r="112" spans="1:17" ht="21.75" customHeight="1" x14ac:dyDescent="0.15">
      <c r="A112" s="13" t="s">
        <v>56</v>
      </c>
      <c r="B112" s="14" t="s">
        <v>6</v>
      </c>
      <c r="C112" s="14" t="s">
        <v>6</v>
      </c>
      <c r="D112" s="14" t="s">
        <v>6</v>
      </c>
      <c r="E112" s="14" t="s">
        <v>6</v>
      </c>
      <c r="F112" s="14" t="s">
        <v>6</v>
      </c>
      <c r="G112" s="15">
        <v>208</v>
      </c>
      <c r="H112" s="15">
        <v>203</v>
      </c>
      <c r="I112" s="15">
        <v>226</v>
      </c>
      <c r="J112" s="15">
        <v>236</v>
      </c>
      <c r="K112" s="15">
        <v>237</v>
      </c>
      <c r="L112" s="15">
        <v>234</v>
      </c>
      <c r="M112" s="15">
        <v>249</v>
      </c>
      <c r="N112" s="15">
        <v>244</v>
      </c>
      <c r="O112" s="15">
        <v>252</v>
      </c>
      <c r="P112" s="15">
        <v>242</v>
      </c>
      <c r="Q112" s="15">
        <v>232</v>
      </c>
    </row>
    <row r="113" spans="1:17" ht="21.75" customHeight="1" x14ac:dyDescent="0.15">
      <c r="A113" s="6" t="s">
        <v>57</v>
      </c>
      <c r="B113" s="16" t="s">
        <v>6</v>
      </c>
      <c r="C113" s="16" t="s">
        <v>6</v>
      </c>
      <c r="D113" s="16" t="s">
        <v>6</v>
      </c>
      <c r="E113" s="16" t="s">
        <v>6</v>
      </c>
      <c r="F113" s="16" t="s">
        <v>6</v>
      </c>
      <c r="G113" s="17">
        <v>916</v>
      </c>
      <c r="H113" s="17">
        <v>844</v>
      </c>
      <c r="I113" s="17">
        <v>765</v>
      </c>
      <c r="J113" s="17">
        <v>712</v>
      </c>
      <c r="K113" s="17">
        <v>683</v>
      </c>
      <c r="L113" s="17">
        <v>665</v>
      </c>
      <c r="M113" s="17">
        <v>660</v>
      </c>
      <c r="N113" s="17">
        <v>634</v>
      </c>
      <c r="O113" s="17">
        <v>623</v>
      </c>
      <c r="P113" s="17">
        <v>605</v>
      </c>
      <c r="Q113" s="17">
        <v>580</v>
      </c>
    </row>
    <row r="114" spans="1:17" s="5" customFormat="1" ht="21.75" customHeight="1" x14ac:dyDescent="0.15">
      <c r="A114" s="24"/>
      <c r="B114" s="25"/>
      <c r="C114" s="25"/>
      <c r="D114" s="25"/>
      <c r="E114" s="25"/>
      <c r="F114" s="25"/>
      <c r="G114" s="25"/>
      <c r="H114" s="25"/>
      <c r="I114" s="25"/>
      <c r="J114" s="25"/>
      <c r="K114" s="25"/>
      <c r="L114" s="25"/>
      <c r="M114" s="25"/>
      <c r="N114" s="25"/>
      <c r="O114" s="25"/>
      <c r="P114" s="26"/>
      <c r="Q114" s="26"/>
    </row>
    <row r="115" spans="1:17" s="5" customFormat="1" ht="21.75" customHeight="1" x14ac:dyDescent="0.15">
      <c r="A115" s="27"/>
      <c r="B115" s="26"/>
      <c r="C115" s="26"/>
      <c r="D115" s="26"/>
      <c r="E115" s="26"/>
      <c r="F115" s="26"/>
      <c r="G115" s="26"/>
      <c r="H115" s="26"/>
      <c r="I115" s="26"/>
      <c r="J115" s="26"/>
      <c r="K115" s="26"/>
      <c r="L115" s="26"/>
      <c r="M115" s="26"/>
      <c r="N115" s="26"/>
      <c r="O115" s="26"/>
      <c r="P115" s="26"/>
      <c r="Q115" s="26"/>
    </row>
    <row r="116" spans="1:17" s="3" customFormat="1" ht="21.75" customHeight="1" x14ac:dyDescent="0.15">
      <c r="A116" s="28" t="s">
        <v>33</v>
      </c>
      <c r="B116" s="29"/>
      <c r="C116" s="29"/>
      <c r="D116" s="29"/>
      <c r="E116" s="29"/>
      <c r="F116" s="29"/>
      <c r="G116" s="29"/>
      <c r="H116" s="29"/>
      <c r="I116" s="29"/>
      <c r="J116" s="29"/>
      <c r="K116" s="29"/>
      <c r="L116" s="29"/>
      <c r="M116" s="29"/>
      <c r="N116" s="29"/>
      <c r="O116" s="29"/>
      <c r="P116" s="30"/>
      <c r="Q116" s="30"/>
    </row>
    <row r="117" spans="1:17" s="5" customFormat="1" ht="21.75" customHeight="1" x14ac:dyDescent="0.15">
      <c r="A117" s="6" t="s">
        <v>1</v>
      </c>
      <c r="B117" s="6" t="s">
        <v>2</v>
      </c>
      <c r="C117" s="6">
        <v>60</v>
      </c>
      <c r="D117" s="6" t="s">
        <v>3</v>
      </c>
      <c r="E117" s="6">
        <v>7</v>
      </c>
      <c r="F117" s="6">
        <v>12</v>
      </c>
      <c r="G117" s="6">
        <v>17</v>
      </c>
      <c r="H117" s="6">
        <v>22</v>
      </c>
      <c r="I117" s="6">
        <v>27</v>
      </c>
      <c r="J117" s="6">
        <v>30</v>
      </c>
      <c r="K117" s="6" t="s">
        <v>4</v>
      </c>
      <c r="L117" s="6">
        <v>2</v>
      </c>
      <c r="M117" s="6">
        <v>3</v>
      </c>
      <c r="N117" s="6">
        <v>4</v>
      </c>
      <c r="O117" s="6">
        <v>5</v>
      </c>
      <c r="P117" s="6">
        <v>6</v>
      </c>
      <c r="Q117" s="6">
        <v>7</v>
      </c>
    </row>
    <row r="118" spans="1:17" ht="21.75" customHeight="1" x14ac:dyDescent="0.15">
      <c r="A118" s="7" t="s">
        <v>29</v>
      </c>
      <c r="B118" s="31" t="s">
        <v>6</v>
      </c>
      <c r="C118" s="31" t="s">
        <v>6</v>
      </c>
      <c r="D118" s="31" t="s">
        <v>6</v>
      </c>
      <c r="E118" s="31" t="s">
        <v>6</v>
      </c>
      <c r="F118" s="31" t="s">
        <v>6</v>
      </c>
      <c r="G118" s="42">
        <v>11.6</v>
      </c>
      <c r="H118" s="42">
        <v>13</v>
      </c>
      <c r="I118" s="42">
        <v>14.4</v>
      </c>
      <c r="J118" s="42">
        <v>12.6</v>
      </c>
      <c r="K118" s="42">
        <v>11.4</v>
      </c>
      <c r="L118" s="42">
        <v>11.6</v>
      </c>
      <c r="M118" s="42">
        <v>11.2</v>
      </c>
      <c r="N118" s="42">
        <v>10.6</v>
      </c>
      <c r="O118" s="42">
        <v>9.6</v>
      </c>
      <c r="P118" s="42">
        <v>8.9</v>
      </c>
      <c r="Q118" s="42">
        <v>7.8</v>
      </c>
    </row>
    <row r="119" spans="1:17" ht="21.75" customHeight="1" x14ac:dyDescent="0.15">
      <c r="A119" s="10" t="s">
        <v>30</v>
      </c>
      <c r="B119" s="33" t="s">
        <v>6</v>
      </c>
      <c r="C119" s="33" t="s">
        <v>6</v>
      </c>
      <c r="D119" s="33" t="s">
        <v>6</v>
      </c>
      <c r="E119" s="33" t="s">
        <v>6</v>
      </c>
      <c r="F119" s="33" t="s">
        <v>6</v>
      </c>
      <c r="G119" s="43">
        <v>65.7</v>
      </c>
      <c r="H119" s="43">
        <v>62.9</v>
      </c>
      <c r="I119" s="43">
        <v>56.1</v>
      </c>
      <c r="J119" s="43">
        <v>54.2</v>
      </c>
      <c r="K119" s="43">
        <v>53.9</v>
      </c>
      <c r="L119" s="43">
        <v>53.2</v>
      </c>
      <c r="M119" s="43">
        <v>51.1</v>
      </c>
      <c r="N119" s="43">
        <v>50.9</v>
      </c>
      <c r="O119" s="43">
        <v>49.9</v>
      </c>
      <c r="P119" s="43">
        <v>51.1</v>
      </c>
      <c r="Q119" s="43">
        <v>52.2</v>
      </c>
    </row>
    <row r="120" spans="1:17" ht="21.75" customHeight="1" x14ac:dyDescent="0.15">
      <c r="A120" s="13" t="s">
        <v>31</v>
      </c>
      <c r="B120" s="35" t="s">
        <v>6</v>
      </c>
      <c r="C120" s="35" t="s">
        <v>6</v>
      </c>
      <c r="D120" s="35" t="s">
        <v>6</v>
      </c>
      <c r="E120" s="35" t="s">
        <v>6</v>
      </c>
      <c r="F120" s="35" t="s">
        <v>6</v>
      </c>
      <c r="G120" s="44">
        <v>22.7</v>
      </c>
      <c r="H120" s="44">
        <v>24.1</v>
      </c>
      <c r="I120" s="44">
        <v>29.5</v>
      </c>
      <c r="J120" s="44">
        <v>33.1</v>
      </c>
      <c r="K120" s="44">
        <v>34.700000000000003</v>
      </c>
      <c r="L120" s="44">
        <v>35.200000000000003</v>
      </c>
      <c r="M120" s="44">
        <v>37.700000000000003</v>
      </c>
      <c r="N120" s="44">
        <v>38.5</v>
      </c>
      <c r="O120" s="44">
        <v>40.4</v>
      </c>
      <c r="P120" s="44">
        <v>40</v>
      </c>
      <c r="Q120" s="44">
        <v>40</v>
      </c>
    </row>
    <row r="121" spans="1:17" ht="21.75" customHeight="1" x14ac:dyDescent="0.15">
      <c r="A121" s="37" t="s">
        <v>58</v>
      </c>
      <c r="B121" s="4"/>
      <c r="C121" s="4"/>
      <c r="D121" s="4"/>
      <c r="E121" s="4"/>
      <c r="F121" s="4"/>
      <c r="G121" s="4"/>
      <c r="H121" s="4"/>
      <c r="I121" s="4"/>
      <c r="J121" s="4"/>
      <c r="K121" s="4"/>
      <c r="L121" s="4"/>
      <c r="M121" s="4"/>
      <c r="N121" s="46"/>
      <c r="O121" s="4"/>
      <c r="P121" s="4"/>
      <c r="Q121" s="4"/>
    </row>
    <row r="122" spans="1:17" ht="21.75" customHeight="1" x14ac:dyDescent="0.15">
      <c r="A122" s="37"/>
      <c r="B122" s="4"/>
      <c r="C122" s="4"/>
      <c r="D122" s="4"/>
      <c r="E122" s="4"/>
      <c r="F122" s="4"/>
      <c r="G122" s="4"/>
      <c r="H122" s="4"/>
      <c r="I122" s="4"/>
      <c r="J122" s="4"/>
      <c r="K122" s="4"/>
      <c r="L122" s="4"/>
      <c r="M122" s="4"/>
      <c r="N122" s="4"/>
      <c r="O122" s="4"/>
      <c r="P122" s="4"/>
      <c r="Q122" s="4"/>
    </row>
    <row r="123" spans="1:17" ht="21.75" customHeight="1" x14ac:dyDescent="0.15">
      <c r="A123" s="37"/>
      <c r="B123" s="4"/>
      <c r="C123" s="4"/>
      <c r="D123" s="4"/>
      <c r="E123" s="4"/>
      <c r="F123" s="4"/>
      <c r="G123" s="4"/>
      <c r="H123" s="4"/>
      <c r="I123" s="4"/>
      <c r="J123" s="4"/>
      <c r="K123" s="4"/>
      <c r="L123" s="4"/>
      <c r="M123" s="4"/>
      <c r="N123" s="4"/>
      <c r="O123" s="4"/>
      <c r="P123" s="4"/>
      <c r="Q123" s="4"/>
    </row>
    <row r="124" spans="1:17" ht="21.75" customHeight="1" x14ac:dyDescent="0.15">
      <c r="A124" s="37"/>
      <c r="B124" s="4"/>
      <c r="C124" s="4"/>
      <c r="D124" s="4"/>
      <c r="E124" s="4"/>
      <c r="F124" s="4"/>
      <c r="G124" s="4"/>
      <c r="H124" s="4"/>
      <c r="I124" s="4"/>
      <c r="J124" s="4"/>
      <c r="K124" s="4"/>
      <c r="L124" s="4"/>
      <c r="M124" s="4"/>
      <c r="N124" s="4"/>
      <c r="O124" s="4"/>
      <c r="P124" s="4"/>
      <c r="Q124" s="4"/>
    </row>
    <row r="125" spans="1:17" ht="21.75" customHeight="1" x14ac:dyDescent="0.15">
      <c r="A125" s="37"/>
      <c r="B125" s="4"/>
      <c r="C125" s="4"/>
      <c r="D125" s="4"/>
      <c r="E125" s="4"/>
      <c r="F125" s="4"/>
      <c r="G125" s="4"/>
      <c r="H125" s="4"/>
      <c r="I125" s="4"/>
      <c r="J125" s="4"/>
      <c r="K125" s="4"/>
      <c r="L125" s="4"/>
      <c r="M125" s="4"/>
      <c r="N125" s="4"/>
      <c r="O125" s="4"/>
      <c r="P125" s="4"/>
      <c r="Q125" s="4"/>
    </row>
    <row r="126" spans="1:17" ht="21.75" customHeight="1" x14ac:dyDescent="0.15">
      <c r="A126" s="37"/>
      <c r="B126" s="4"/>
      <c r="C126" s="4"/>
      <c r="D126" s="4"/>
      <c r="E126" s="4"/>
      <c r="F126" s="4"/>
      <c r="G126" s="4"/>
      <c r="H126" s="4"/>
      <c r="I126" s="4"/>
      <c r="J126" s="4"/>
      <c r="K126" s="4"/>
      <c r="L126" s="4"/>
      <c r="M126" s="4"/>
      <c r="N126" s="4"/>
      <c r="O126" s="4"/>
      <c r="P126" s="4"/>
      <c r="Q126" s="4"/>
    </row>
    <row r="127" spans="1:17" ht="21.75" customHeight="1" x14ac:dyDescent="0.15">
      <c r="A127" s="4"/>
      <c r="B127" s="4"/>
      <c r="C127" s="4"/>
      <c r="D127" s="4"/>
      <c r="E127" s="4"/>
      <c r="F127" s="4"/>
      <c r="G127" s="4"/>
      <c r="H127" s="4"/>
      <c r="I127" s="4"/>
      <c r="J127" s="4"/>
      <c r="K127" s="4"/>
      <c r="L127" s="4"/>
      <c r="M127" s="4"/>
      <c r="N127" s="4"/>
      <c r="O127" s="4"/>
      <c r="P127" s="4"/>
      <c r="Q127" s="4"/>
    </row>
    <row r="128" spans="1:17" ht="21.75" customHeight="1" x14ac:dyDescent="0.15">
      <c r="A128" s="3" t="s">
        <v>59</v>
      </c>
      <c r="B128" s="4"/>
      <c r="C128" s="4"/>
      <c r="D128" s="4"/>
      <c r="E128" s="4"/>
      <c r="F128" s="4"/>
      <c r="G128" s="4"/>
      <c r="H128" s="4"/>
      <c r="I128" s="4"/>
      <c r="J128" s="4"/>
      <c r="K128" s="4"/>
      <c r="L128" s="4"/>
      <c r="M128" s="4"/>
      <c r="N128" s="4"/>
      <c r="O128" s="4"/>
      <c r="P128" s="4"/>
      <c r="Q128" s="4"/>
    </row>
    <row r="129" spans="1:17" ht="21.75" customHeight="1" x14ac:dyDescent="0.15">
      <c r="A129" s="6" t="s">
        <v>1</v>
      </c>
      <c r="B129" s="6" t="s">
        <v>2</v>
      </c>
      <c r="C129" s="6">
        <v>60</v>
      </c>
      <c r="D129" s="6" t="s">
        <v>3</v>
      </c>
      <c r="E129" s="6">
        <v>7</v>
      </c>
      <c r="F129" s="6">
        <v>12</v>
      </c>
      <c r="G129" s="6">
        <v>17</v>
      </c>
      <c r="H129" s="6">
        <v>22</v>
      </c>
      <c r="I129" s="6">
        <v>27</v>
      </c>
      <c r="J129" s="6">
        <v>30</v>
      </c>
      <c r="K129" s="6" t="s">
        <v>4</v>
      </c>
      <c r="L129" s="6">
        <v>2</v>
      </c>
      <c r="M129" s="6">
        <v>3</v>
      </c>
      <c r="N129" s="6">
        <v>4</v>
      </c>
      <c r="O129" s="6">
        <v>5</v>
      </c>
      <c r="P129" s="6">
        <v>6</v>
      </c>
      <c r="Q129" s="6">
        <v>7</v>
      </c>
    </row>
    <row r="130" spans="1:17" ht="21.75" customHeight="1" x14ac:dyDescent="0.15">
      <c r="A130" s="7" t="s">
        <v>5</v>
      </c>
      <c r="B130" s="8" t="s">
        <v>6</v>
      </c>
      <c r="C130" s="8" t="s">
        <v>6</v>
      </c>
      <c r="D130" s="8" t="s">
        <v>6</v>
      </c>
      <c r="E130" s="8" t="s">
        <v>6</v>
      </c>
      <c r="F130" s="8" t="s">
        <v>6</v>
      </c>
      <c r="G130" s="9">
        <v>40</v>
      </c>
      <c r="H130" s="9">
        <v>24</v>
      </c>
      <c r="I130" s="9">
        <v>24</v>
      </c>
      <c r="J130" s="9">
        <v>15</v>
      </c>
      <c r="K130" s="9">
        <v>19</v>
      </c>
      <c r="L130" s="20">
        <v>14</v>
      </c>
      <c r="M130" s="20">
        <v>14</v>
      </c>
      <c r="N130" s="20">
        <v>13</v>
      </c>
      <c r="O130" s="20">
        <v>15</v>
      </c>
      <c r="P130" s="20">
        <v>8</v>
      </c>
      <c r="Q130" s="20">
        <v>2</v>
      </c>
    </row>
    <row r="131" spans="1:17" ht="21.75" customHeight="1" x14ac:dyDescent="0.15">
      <c r="A131" s="7" t="s">
        <v>7</v>
      </c>
      <c r="B131" s="8" t="s">
        <v>6</v>
      </c>
      <c r="C131" s="8" t="s">
        <v>6</v>
      </c>
      <c r="D131" s="8" t="s">
        <v>6</v>
      </c>
      <c r="E131" s="8" t="s">
        <v>6</v>
      </c>
      <c r="F131" s="8" t="s">
        <v>6</v>
      </c>
      <c r="G131" s="9">
        <v>28</v>
      </c>
      <c r="H131" s="9">
        <v>35</v>
      </c>
      <c r="I131" s="9">
        <v>25</v>
      </c>
      <c r="J131" s="9">
        <v>19</v>
      </c>
      <c r="K131" s="9">
        <v>15</v>
      </c>
      <c r="L131" s="20">
        <v>18</v>
      </c>
      <c r="M131" s="20">
        <v>19</v>
      </c>
      <c r="N131" s="20">
        <v>15</v>
      </c>
      <c r="O131" s="20">
        <v>13</v>
      </c>
      <c r="P131" s="20">
        <v>18</v>
      </c>
      <c r="Q131" s="20">
        <v>13</v>
      </c>
    </row>
    <row r="132" spans="1:17" ht="21.75" customHeight="1" x14ac:dyDescent="0.15">
      <c r="A132" s="7" t="s">
        <v>8</v>
      </c>
      <c r="B132" s="8" t="s">
        <v>6</v>
      </c>
      <c r="C132" s="8" t="s">
        <v>6</v>
      </c>
      <c r="D132" s="8" t="s">
        <v>6</v>
      </c>
      <c r="E132" s="8" t="s">
        <v>6</v>
      </c>
      <c r="F132" s="8" t="s">
        <v>6</v>
      </c>
      <c r="G132" s="9">
        <v>37</v>
      </c>
      <c r="H132" s="9">
        <v>28</v>
      </c>
      <c r="I132" s="9">
        <v>30</v>
      </c>
      <c r="J132" s="9">
        <v>30</v>
      </c>
      <c r="K132" s="9">
        <v>29</v>
      </c>
      <c r="L132" s="20">
        <v>23</v>
      </c>
      <c r="M132" s="20">
        <v>19</v>
      </c>
      <c r="N132" s="20">
        <v>19</v>
      </c>
      <c r="O132" s="20">
        <v>18</v>
      </c>
      <c r="P132" s="20">
        <v>16</v>
      </c>
      <c r="Q132" s="20">
        <v>18</v>
      </c>
    </row>
    <row r="133" spans="1:17" ht="21.75" customHeight="1" x14ac:dyDescent="0.15">
      <c r="A133" s="10" t="s">
        <v>9</v>
      </c>
      <c r="B133" s="11" t="s">
        <v>6</v>
      </c>
      <c r="C133" s="11" t="s">
        <v>6</v>
      </c>
      <c r="D133" s="11" t="s">
        <v>6</v>
      </c>
      <c r="E133" s="11" t="s">
        <v>6</v>
      </c>
      <c r="F133" s="11" t="s">
        <v>6</v>
      </c>
      <c r="G133" s="12">
        <v>57</v>
      </c>
      <c r="H133" s="12">
        <v>33</v>
      </c>
      <c r="I133" s="12">
        <v>24</v>
      </c>
      <c r="J133" s="12">
        <v>27</v>
      </c>
      <c r="K133" s="12">
        <v>28</v>
      </c>
      <c r="L133" s="21">
        <v>29</v>
      </c>
      <c r="M133" s="21">
        <v>33</v>
      </c>
      <c r="N133" s="21">
        <v>26</v>
      </c>
      <c r="O133" s="21">
        <v>28</v>
      </c>
      <c r="P133" s="21">
        <v>26</v>
      </c>
      <c r="Q133" s="21">
        <v>21</v>
      </c>
    </row>
    <row r="134" spans="1:17" ht="21.75" customHeight="1" x14ac:dyDescent="0.15">
      <c r="A134" s="10" t="s">
        <v>10</v>
      </c>
      <c r="B134" s="11" t="s">
        <v>6</v>
      </c>
      <c r="C134" s="11" t="s">
        <v>6</v>
      </c>
      <c r="D134" s="11" t="s">
        <v>6</v>
      </c>
      <c r="E134" s="11" t="s">
        <v>6</v>
      </c>
      <c r="F134" s="11" t="s">
        <v>6</v>
      </c>
      <c r="G134" s="12">
        <v>67</v>
      </c>
      <c r="H134" s="12">
        <v>53</v>
      </c>
      <c r="I134" s="12">
        <v>31</v>
      </c>
      <c r="J134" s="12">
        <v>15</v>
      </c>
      <c r="K134" s="12">
        <v>17</v>
      </c>
      <c r="L134" s="21">
        <v>21</v>
      </c>
      <c r="M134" s="21">
        <v>16</v>
      </c>
      <c r="N134" s="21">
        <v>21</v>
      </c>
      <c r="O134" s="21">
        <v>19</v>
      </c>
      <c r="P134" s="21">
        <v>22</v>
      </c>
      <c r="Q134" s="21">
        <v>25</v>
      </c>
    </row>
    <row r="135" spans="1:17" ht="21.75" customHeight="1" x14ac:dyDescent="0.15">
      <c r="A135" s="10" t="s">
        <v>11</v>
      </c>
      <c r="B135" s="11" t="s">
        <v>6</v>
      </c>
      <c r="C135" s="11" t="s">
        <v>6</v>
      </c>
      <c r="D135" s="11" t="s">
        <v>6</v>
      </c>
      <c r="E135" s="11" t="s">
        <v>6</v>
      </c>
      <c r="F135" s="11" t="s">
        <v>6</v>
      </c>
      <c r="G135" s="12">
        <v>48</v>
      </c>
      <c r="H135" s="12">
        <v>59</v>
      </c>
      <c r="I135" s="12">
        <v>44</v>
      </c>
      <c r="J135" s="12">
        <v>34</v>
      </c>
      <c r="K135" s="12">
        <v>25</v>
      </c>
      <c r="L135" s="21">
        <v>24</v>
      </c>
      <c r="M135" s="21">
        <v>22</v>
      </c>
      <c r="N135" s="21">
        <v>13</v>
      </c>
      <c r="O135" s="21">
        <v>8</v>
      </c>
      <c r="P135" s="21">
        <v>11</v>
      </c>
      <c r="Q135" s="21">
        <v>8</v>
      </c>
    </row>
    <row r="136" spans="1:17" ht="21.75" customHeight="1" x14ac:dyDescent="0.15">
      <c r="A136" s="10" t="s">
        <v>12</v>
      </c>
      <c r="B136" s="11" t="s">
        <v>6</v>
      </c>
      <c r="C136" s="11" t="s">
        <v>6</v>
      </c>
      <c r="D136" s="11" t="s">
        <v>6</v>
      </c>
      <c r="E136" s="11" t="s">
        <v>6</v>
      </c>
      <c r="F136" s="11" t="s">
        <v>6</v>
      </c>
      <c r="G136" s="12">
        <v>54</v>
      </c>
      <c r="H136" s="12">
        <v>41</v>
      </c>
      <c r="I136" s="12">
        <v>42</v>
      </c>
      <c r="J136" s="12">
        <v>33</v>
      </c>
      <c r="K136" s="12">
        <v>29</v>
      </c>
      <c r="L136" s="21">
        <v>30</v>
      </c>
      <c r="M136" s="21">
        <v>28</v>
      </c>
      <c r="N136" s="21">
        <v>21</v>
      </c>
      <c r="O136" s="21">
        <v>22</v>
      </c>
      <c r="P136" s="21">
        <v>15</v>
      </c>
      <c r="Q136" s="21">
        <v>10</v>
      </c>
    </row>
    <row r="137" spans="1:17" ht="21.75" customHeight="1" x14ac:dyDescent="0.15">
      <c r="A137" s="10" t="s">
        <v>13</v>
      </c>
      <c r="B137" s="11" t="s">
        <v>6</v>
      </c>
      <c r="C137" s="11" t="s">
        <v>6</v>
      </c>
      <c r="D137" s="11" t="s">
        <v>6</v>
      </c>
      <c r="E137" s="11" t="s">
        <v>6</v>
      </c>
      <c r="F137" s="11" t="s">
        <v>6</v>
      </c>
      <c r="G137" s="12">
        <v>51</v>
      </c>
      <c r="H137" s="12">
        <v>54</v>
      </c>
      <c r="I137" s="12">
        <v>30</v>
      </c>
      <c r="J137" s="12">
        <v>34</v>
      </c>
      <c r="K137" s="12">
        <v>33</v>
      </c>
      <c r="L137" s="21">
        <v>31</v>
      </c>
      <c r="M137" s="21">
        <v>26</v>
      </c>
      <c r="N137" s="21">
        <v>23</v>
      </c>
      <c r="O137" s="21">
        <v>27</v>
      </c>
      <c r="P137" s="21">
        <v>26</v>
      </c>
      <c r="Q137" s="21">
        <v>23</v>
      </c>
    </row>
    <row r="138" spans="1:17" ht="21.75" customHeight="1" x14ac:dyDescent="0.15">
      <c r="A138" s="10" t="s">
        <v>14</v>
      </c>
      <c r="B138" s="11" t="s">
        <v>6</v>
      </c>
      <c r="C138" s="11" t="s">
        <v>6</v>
      </c>
      <c r="D138" s="11" t="s">
        <v>6</v>
      </c>
      <c r="E138" s="11" t="s">
        <v>6</v>
      </c>
      <c r="F138" s="11" t="s">
        <v>6</v>
      </c>
      <c r="G138" s="12">
        <v>43</v>
      </c>
      <c r="H138" s="12">
        <v>50</v>
      </c>
      <c r="I138" s="12">
        <v>53</v>
      </c>
      <c r="J138" s="12">
        <v>41</v>
      </c>
      <c r="K138" s="12">
        <v>37</v>
      </c>
      <c r="L138" s="21">
        <v>29</v>
      </c>
      <c r="M138" s="21">
        <v>35</v>
      </c>
      <c r="N138" s="21">
        <v>37</v>
      </c>
      <c r="O138" s="21">
        <v>32</v>
      </c>
      <c r="P138" s="21">
        <v>32</v>
      </c>
      <c r="Q138" s="21">
        <v>30</v>
      </c>
    </row>
    <row r="139" spans="1:17" ht="21.75" customHeight="1" x14ac:dyDescent="0.15">
      <c r="A139" s="10" t="s">
        <v>15</v>
      </c>
      <c r="B139" s="11" t="s">
        <v>6</v>
      </c>
      <c r="C139" s="11" t="s">
        <v>6</v>
      </c>
      <c r="D139" s="11" t="s">
        <v>6</v>
      </c>
      <c r="E139" s="11" t="s">
        <v>6</v>
      </c>
      <c r="F139" s="11" t="s">
        <v>6</v>
      </c>
      <c r="G139" s="12">
        <v>56</v>
      </c>
      <c r="H139" s="12">
        <v>42</v>
      </c>
      <c r="I139" s="12">
        <v>43</v>
      </c>
      <c r="J139" s="12">
        <v>45</v>
      </c>
      <c r="K139" s="12">
        <v>44</v>
      </c>
      <c r="L139" s="21">
        <v>50</v>
      </c>
      <c r="M139" s="21">
        <v>48</v>
      </c>
      <c r="N139" s="21">
        <v>48</v>
      </c>
      <c r="O139" s="21">
        <v>41</v>
      </c>
      <c r="P139" s="21">
        <v>36</v>
      </c>
      <c r="Q139" s="21">
        <v>29</v>
      </c>
    </row>
    <row r="140" spans="1:17" ht="21.75" customHeight="1" x14ac:dyDescent="0.15">
      <c r="A140" s="10" t="s">
        <v>16</v>
      </c>
      <c r="B140" s="11" t="s">
        <v>6</v>
      </c>
      <c r="C140" s="11" t="s">
        <v>6</v>
      </c>
      <c r="D140" s="11" t="s">
        <v>6</v>
      </c>
      <c r="E140" s="11" t="s">
        <v>6</v>
      </c>
      <c r="F140" s="11" t="s">
        <v>6</v>
      </c>
      <c r="G140" s="12">
        <v>73</v>
      </c>
      <c r="H140" s="12">
        <v>53</v>
      </c>
      <c r="I140" s="12">
        <v>44</v>
      </c>
      <c r="J140" s="12">
        <v>47</v>
      </c>
      <c r="K140" s="12">
        <v>47</v>
      </c>
      <c r="L140" s="21">
        <v>43</v>
      </c>
      <c r="M140" s="21">
        <v>45</v>
      </c>
      <c r="N140" s="21">
        <v>39</v>
      </c>
      <c r="O140" s="21">
        <v>42</v>
      </c>
      <c r="P140" s="21">
        <v>42</v>
      </c>
      <c r="Q140" s="21">
        <v>47</v>
      </c>
    </row>
    <row r="141" spans="1:17" ht="21.75" customHeight="1" x14ac:dyDescent="0.15">
      <c r="A141" s="10" t="s">
        <v>17</v>
      </c>
      <c r="B141" s="11" t="s">
        <v>6</v>
      </c>
      <c r="C141" s="11" t="s">
        <v>6</v>
      </c>
      <c r="D141" s="11" t="s">
        <v>6</v>
      </c>
      <c r="E141" s="11" t="s">
        <v>6</v>
      </c>
      <c r="F141" s="11" t="s">
        <v>6</v>
      </c>
      <c r="G141" s="12">
        <v>75</v>
      </c>
      <c r="H141" s="12">
        <v>72</v>
      </c>
      <c r="I141" s="12">
        <v>54</v>
      </c>
      <c r="J141" s="12">
        <v>41</v>
      </c>
      <c r="K141" s="12">
        <v>40</v>
      </c>
      <c r="L141" s="21">
        <v>41</v>
      </c>
      <c r="M141" s="21">
        <v>38</v>
      </c>
      <c r="N141" s="21">
        <v>42</v>
      </c>
      <c r="O141" s="21">
        <v>46</v>
      </c>
      <c r="P141" s="21">
        <v>42</v>
      </c>
      <c r="Q141" s="21">
        <v>41</v>
      </c>
    </row>
    <row r="142" spans="1:17" ht="21.75" customHeight="1" x14ac:dyDescent="0.15">
      <c r="A142" s="10" t="s">
        <v>18</v>
      </c>
      <c r="B142" s="11" t="s">
        <v>6</v>
      </c>
      <c r="C142" s="11" t="s">
        <v>6</v>
      </c>
      <c r="D142" s="11" t="s">
        <v>6</v>
      </c>
      <c r="E142" s="11" t="s">
        <v>6</v>
      </c>
      <c r="F142" s="11" t="s">
        <v>6</v>
      </c>
      <c r="G142" s="12">
        <v>51</v>
      </c>
      <c r="H142" s="12">
        <v>73</v>
      </c>
      <c r="I142" s="12">
        <v>69</v>
      </c>
      <c r="J142" s="12">
        <v>61</v>
      </c>
      <c r="K142" s="12">
        <v>53</v>
      </c>
      <c r="L142" s="21">
        <v>52</v>
      </c>
      <c r="M142" s="21">
        <v>48</v>
      </c>
      <c r="N142" s="21">
        <v>47</v>
      </c>
      <c r="O142" s="21">
        <v>39</v>
      </c>
      <c r="P142" s="21">
        <v>39</v>
      </c>
      <c r="Q142" s="21">
        <v>39</v>
      </c>
    </row>
    <row r="143" spans="1:17" ht="21.75" customHeight="1" x14ac:dyDescent="0.15">
      <c r="A143" s="13" t="s">
        <v>19</v>
      </c>
      <c r="B143" s="14" t="s">
        <v>6</v>
      </c>
      <c r="C143" s="14" t="s">
        <v>6</v>
      </c>
      <c r="D143" s="14" t="s">
        <v>6</v>
      </c>
      <c r="E143" s="14" t="s">
        <v>6</v>
      </c>
      <c r="F143" s="14" t="s">
        <v>6</v>
      </c>
      <c r="G143" s="15">
        <v>44</v>
      </c>
      <c r="H143" s="15">
        <v>48</v>
      </c>
      <c r="I143" s="15">
        <v>65</v>
      </c>
      <c r="J143" s="15">
        <v>71</v>
      </c>
      <c r="K143" s="15">
        <v>72</v>
      </c>
      <c r="L143" s="22">
        <v>66</v>
      </c>
      <c r="M143" s="22">
        <v>68</v>
      </c>
      <c r="N143" s="22">
        <v>60</v>
      </c>
      <c r="O143" s="22">
        <v>63</v>
      </c>
      <c r="P143" s="22">
        <v>53</v>
      </c>
      <c r="Q143" s="22">
        <v>51</v>
      </c>
    </row>
    <row r="144" spans="1:17" ht="21.75" customHeight="1" x14ac:dyDescent="0.15">
      <c r="A144" s="13" t="s">
        <v>20</v>
      </c>
      <c r="B144" s="14" t="s">
        <v>6</v>
      </c>
      <c r="C144" s="14" t="s">
        <v>6</v>
      </c>
      <c r="D144" s="14" t="s">
        <v>6</v>
      </c>
      <c r="E144" s="14" t="s">
        <v>6</v>
      </c>
      <c r="F144" s="14" t="s">
        <v>6</v>
      </c>
      <c r="G144" s="15">
        <v>75</v>
      </c>
      <c r="H144" s="15">
        <v>40</v>
      </c>
      <c r="I144" s="15">
        <v>48</v>
      </c>
      <c r="J144" s="15">
        <v>50</v>
      </c>
      <c r="K144" s="15">
        <v>53</v>
      </c>
      <c r="L144" s="22">
        <v>65</v>
      </c>
      <c r="M144" s="22">
        <v>65</v>
      </c>
      <c r="N144" s="22">
        <v>70</v>
      </c>
      <c r="O144" s="22">
        <v>70</v>
      </c>
      <c r="P144" s="22">
        <v>70</v>
      </c>
      <c r="Q144" s="22">
        <v>64</v>
      </c>
    </row>
    <row r="145" spans="1:17" ht="21.75" customHeight="1" x14ac:dyDescent="0.15">
      <c r="A145" s="13" t="s">
        <v>21</v>
      </c>
      <c r="B145" s="14" t="s">
        <v>6</v>
      </c>
      <c r="C145" s="14" t="s">
        <v>6</v>
      </c>
      <c r="D145" s="14" t="s">
        <v>6</v>
      </c>
      <c r="E145" s="14" t="s">
        <v>6</v>
      </c>
      <c r="F145" s="14" t="s">
        <v>6</v>
      </c>
      <c r="G145" s="15">
        <v>73</v>
      </c>
      <c r="H145" s="15">
        <v>70</v>
      </c>
      <c r="I145" s="15">
        <v>36</v>
      </c>
      <c r="J145" s="15">
        <v>48</v>
      </c>
      <c r="K145" s="15">
        <v>48</v>
      </c>
      <c r="L145" s="22">
        <v>44</v>
      </c>
      <c r="M145" s="22">
        <v>40</v>
      </c>
      <c r="N145" s="22">
        <v>40</v>
      </c>
      <c r="O145" s="22">
        <v>45</v>
      </c>
      <c r="P145" s="22">
        <v>50</v>
      </c>
      <c r="Q145" s="22">
        <v>63</v>
      </c>
    </row>
    <row r="146" spans="1:17" ht="21.75" customHeight="1" x14ac:dyDescent="0.15">
      <c r="A146" s="13" t="s">
        <v>22</v>
      </c>
      <c r="B146" s="14" t="s">
        <v>6</v>
      </c>
      <c r="C146" s="14" t="s">
        <v>6</v>
      </c>
      <c r="D146" s="14" t="s">
        <v>6</v>
      </c>
      <c r="E146" s="14" t="s">
        <v>6</v>
      </c>
      <c r="F146" s="14" t="s">
        <v>6</v>
      </c>
      <c r="G146" s="15">
        <v>47</v>
      </c>
      <c r="H146" s="15">
        <v>66</v>
      </c>
      <c r="I146" s="15">
        <v>69</v>
      </c>
      <c r="J146" s="15">
        <v>46</v>
      </c>
      <c r="K146" s="15">
        <v>38</v>
      </c>
      <c r="L146" s="22">
        <v>29</v>
      </c>
      <c r="M146" s="22">
        <v>36</v>
      </c>
      <c r="N146" s="22">
        <v>39</v>
      </c>
      <c r="O146" s="22">
        <v>44</v>
      </c>
      <c r="P146" s="22">
        <v>45</v>
      </c>
      <c r="Q146" s="22">
        <v>41</v>
      </c>
    </row>
    <row r="147" spans="1:17" ht="21.75" customHeight="1" x14ac:dyDescent="0.15">
      <c r="A147" s="13" t="s">
        <v>23</v>
      </c>
      <c r="B147" s="14" t="s">
        <v>6</v>
      </c>
      <c r="C147" s="14" t="s">
        <v>6</v>
      </c>
      <c r="D147" s="14" t="s">
        <v>6</v>
      </c>
      <c r="E147" s="14" t="s">
        <v>6</v>
      </c>
      <c r="F147" s="14" t="s">
        <v>6</v>
      </c>
      <c r="G147" s="15">
        <v>21</v>
      </c>
      <c r="H147" s="15">
        <v>34</v>
      </c>
      <c r="I147" s="15">
        <v>51</v>
      </c>
      <c r="J147" s="15">
        <v>46</v>
      </c>
      <c r="K147" s="15">
        <v>46</v>
      </c>
      <c r="L147" s="22">
        <v>54</v>
      </c>
      <c r="M147" s="22">
        <v>48</v>
      </c>
      <c r="N147" s="22">
        <v>41</v>
      </c>
      <c r="O147" s="22">
        <v>36</v>
      </c>
      <c r="P147" s="22">
        <v>33</v>
      </c>
      <c r="Q147" s="22">
        <v>25</v>
      </c>
    </row>
    <row r="148" spans="1:17" ht="21.75" customHeight="1" x14ac:dyDescent="0.15">
      <c r="A148" s="13" t="s">
        <v>24</v>
      </c>
      <c r="B148" s="14" t="s">
        <v>6</v>
      </c>
      <c r="C148" s="14" t="s">
        <v>6</v>
      </c>
      <c r="D148" s="14" t="s">
        <v>6</v>
      </c>
      <c r="E148" s="14" t="s">
        <v>6</v>
      </c>
      <c r="F148" s="14" t="s">
        <v>6</v>
      </c>
      <c r="G148" s="15">
        <v>11</v>
      </c>
      <c r="H148" s="15">
        <v>11</v>
      </c>
      <c r="I148" s="15">
        <v>20</v>
      </c>
      <c r="J148" s="15">
        <v>30</v>
      </c>
      <c r="K148" s="15">
        <v>31</v>
      </c>
      <c r="L148" s="22">
        <v>30</v>
      </c>
      <c r="M148" s="22">
        <v>28</v>
      </c>
      <c r="N148" s="22">
        <v>31</v>
      </c>
      <c r="O148" s="22">
        <v>29</v>
      </c>
      <c r="P148" s="22">
        <v>23</v>
      </c>
      <c r="Q148" s="22">
        <v>29</v>
      </c>
    </row>
    <row r="149" spans="1:17" ht="21.75" customHeight="1" x14ac:dyDescent="0.15">
      <c r="A149" s="13" t="s">
        <v>25</v>
      </c>
      <c r="B149" s="14" t="s">
        <v>6</v>
      </c>
      <c r="C149" s="14" t="s">
        <v>6</v>
      </c>
      <c r="D149" s="14" t="s">
        <v>6</v>
      </c>
      <c r="E149" s="14" t="s">
        <v>6</v>
      </c>
      <c r="F149" s="14" t="s">
        <v>6</v>
      </c>
      <c r="G149" s="15">
        <v>5</v>
      </c>
      <c r="H149" s="15">
        <v>2</v>
      </c>
      <c r="I149" s="15">
        <v>1</v>
      </c>
      <c r="J149" s="15">
        <v>6</v>
      </c>
      <c r="K149" s="15">
        <v>11</v>
      </c>
      <c r="L149" s="22">
        <v>11</v>
      </c>
      <c r="M149" s="22">
        <v>10</v>
      </c>
      <c r="N149" s="22">
        <v>10</v>
      </c>
      <c r="O149" s="22">
        <v>13</v>
      </c>
      <c r="P149" s="22">
        <v>16</v>
      </c>
      <c r="Q149" s="22">
        <v>14</v>
      </c>
    </row>
    <row r="150" spans="1:17" ht="21.75" customHeight="1" x14ac:dyDescent="0.15">
      <c r="A150" s="13" t="s">
        <v>26</v>
      </c>
      <c r="B150" s="14" t="s">
        <v>6</v>
      </c>
      <c r="C150" s="14" t="s">
        <v>6</v>
      </c>
      <c r="D150" s="14" t="s">
        <v>6</v>
      </c>
      <c r="E150" s="14" t="s">
        <v>6</v>
      </c>
      <c r="F150" s="14" t="s">
        <v>6</v>
      </c>
      <c r="G150" s="15">
        <v>0</v>
      </c>
      <c r="H150" s="15">
        <v>0</v>
      </c>
      <c r="I150" s="15">
        <v>0</v>
      </c>
      <c r="J150" s="15">
        <v>0</v>
      </c>
      <c r="K150" s="15">
        <v>0</v>
      </c>
      <c r="L150" s="22">
        <v>0</v>
      </c>
      <c r="M150" s="22">
        <v>0</v>
      </c>
      <c r="N150" s="22">
        <v>1</v>
      </c>
      <c r="O150" s="22">
        <v>3</v>
      </c>
      <c r="P150" s="22">
        <v>2</v>
      </c>
      <c r="Q150" s="22">
        <v>1</v>
      </c>
    </row>
    <row r="151" spans="1:17" ht="21.75" customHeight="1" x14ac:dyDescent="0.15">
      <c r="A151" s="6" t="s">
        <v>60</v>
      </c>
      <c r="B151" s="16" t="s">
        <v>6</v>
      </c>
      <c r="C151" s="16" t="s">
        <v>6</v>
      </c>
      <c r="D151" s="16" t="s">
        <v>6</v>
      </c>
      <c r="E151" s="16" t="s">
        <v>6</v>
      </c>
      <c r="F151" s="16" t="s">
        <v>6</v>
      </c>
      <c r="G151" s="17">
        <v>956</v>
      </c>
      <c r="H151" s="17">
        <v>888</v>
      </c>
      <c r="I151" s="17">
        <v>803</v>
      </c>
      <c r="J151" s="17">
        <v>739</v>
      </c>
      <c r="K151" s="17">
        <v>715</v>
      </c>
      <c r="L151" s="17">
        <v>704</v>
      </c>
      <c r="M151" s="17">
        <v>686</v>
      </c>
      <c r="N151" s="17">
        <v>656</v>
      </c>
      <c r="O151" s="17">
        <v>653</v>
      </c>
      <c r="P151" s="17">
        <v>625</v>
      </c>
      <c r="Q151" s="17">
        <v>594</v>
      </c>
    </row>
    <row r="152" spans="1:17" ht="21.75" customHeight="1" x14ac:dyDescent="0.15">
      <c r="A152" s="4"/>
      <c r="B152" s="4"/>
      <c r="C152" s="4"/>
      <c r="D152" s="4"/>
      <c r="E152" s="4"/>
      <c r="F152" s="4"/>
      <c r="G152" s="4"/>
      <c r="H152" s="4"/>
      <c r="I152" s="4"/>
      <c r="J152" s="4"/>
      <c r="K152" s="4"/>
      <c r="L152" s="4"/>
      <c r="M152" s="46"/>
      <c r="N152" s="46"/>
      <c r="O152" s="46"/>
      <c r="P152" s="4"/>
      <c r="Q152" s="4"/>
    </row>
    <row r="153" spans="1:17" ht="21.75" customHeight="1" x14ac:dyDescent="0.2">
      <c r="A153" s="4"/>
      <c r="B153" s="4"/>
      <c r="C153" s="4"/>
      <c r="D153" s="4"/>
      <c r="E153" s="4"/>
      <c r="F153" s="4"/>
      <c r="G153" s="4"/>
      <c r="H153" s="4"/>
      <c r="I153" s="4"/>
      <c r="J153" s="4"/>
      <c r="K153" s="4"/>
      <c r="L153" s="4"/>
      <c r="O153" s="18"/>
      <c r="P153" s="18"/>
      <c r="Q153" s="18"/>
    </row>
    <row r="154" spans="1:17" s="3" customFormat="1" ht="21.75" customHeight="1" x14ac:dyDescent="0.15">
      <c r="A154" s="3" t="s">
        <v>28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15">
      <c r="A155" s="6" t="s">
        <v>1</v>
      </c>
      <c r="B155" s="6" t="s">
        <v>2</v>
      </c>
      <c r="C155" s="6">
        <v>60</v>
      </c>
      <c r="D155" s="6" t="s">
        <v>3</v>
      </c>
      <c r="E155" s="6">
        <v>7</v>
      </c>
      <c r="F155" s="6">
        <v>12</v>
      </c>
      <c r="G155" s="6">
        <v>17</v>
      </c>
      <c r="H155" s="6">
        <v>22</v>
      </c>
      <c r="I155" s="6">
        <v>27</v>
      </c>
      <c r="J155" s="6">
        <v>30</v>
      </c>
      <c r="K155" s="6" t="s">
        <v>4</v>
      </c>
      <c r="L155" s="6">
        <v>2</v>
      </c>
      <c r="M155" s="6">
        <v>3</v>
      </c>
      <c r="N155" s="6">
        <v>4</v>
      </c>
      <c r="O155" s="6">
        <v>5</v>
      </c>
      <c r="P155" s="6">
        <v>6</v>
      </c>
      <c r="Q155" s="6">
        <v>7</v>
      </c>
    </row>
    <row r="156" spans="1:17" ht="21.75" customHeight="1" x14ac:dyDescent="0.15">
      <c r="A156" s="7" t="s">
        <v>54</v>
      </c>
      <c r="B156" s="8" t="s">
        <v>6</v>
      </c>
      <c r="C156" s="8" t="s">
        <v>6</v>
      </c>
      <c r="D156" s="8" t="s">
        <v>6</v>
      </c>
      <c r="E156" s="8" t="s">
        <v>6</v>
      </c>
      <c r="F156" s="8" t="s">
        <v>6</v>
      </c>
      <c r="G156" s="9">
        <v>105</v>
      </c>
      <c r="H156" s="9">
        <v>87</v>
      </c>
      <c r="I156" s="9">
        <v>79</v>
      </c>
      <c r="J156" s="9">
        <v>64</v>
      </c>
      <c r="K156" s="9">
        <v>63</v>
      </c>
      <c r="L156" s="9">
        <v>55</v>
      </c>
      <c r="M156" s="9">
        <v>52</v>
      </c>
      <c r="N156" s="9">
        <v>47</v>
      </c>
      <c r="O156" s="9">
        <v>46</v>
      </c>
      <c r="P156" s="9">
        <v>42</v>
      </c>
      <c r="Q156" s="9">
        <v>33</v>
      </c>
    </row>
    <row r="157" spans="1:17" ht="21.75" customHeight="1" x14ac:dyDescent="0.15">
      <c r="A157" s="10" t="s">
        <v>55</v>
      </c>
      <c r="B157" s="11" t="s">
        <v>6</v>
      </c>
      <c r="C157" s="11" t="s">
        <v>6</v>
      </c>
      <c r="D157" s="11" t="s">
        <v>6</v>
      </c>
      <c r="E157" s="11" t="s">
        <v>6</v>
      </c>
      <c r="F157" s="11" t="s">
        <v>6</v>
      </c>
      <c r="G157" s="12">
        <v>575</v>
      </c>
      <c r="H157" s="12">
        <v>530</v>
      </c>
      <c r="I157" s="12">
        <v>434</v>
      </c>
      <c r="J157" s="12">
        <v>378</v>
      </c>
      <c r="K157" s="12">
        <v>353</v>
      </c>
      <c r="L157" s="12">
        <v>350</v>
      </c>
      <c r="M157" s="12">
        <v>339</v>
      </c>
      <c r="N157" s="12">
        <v>317</v>
      </c>
      <c r="O157" s="12">
        <v>304</v>
      </c>
      <c r="P157" s="12">
        <v>291</v>
      </c>
      <c r="Q157" s="12">
        <v>273</v>
      </c>
    </row>
    <row r="158" spans="1:17" ht="21.75" customHeight="1" x14ac:dyDescent="0.15">
      <c r="A158" s="13" t="s">
        <v>56</v>
      </c>
      <c r="B158" s="14" t="s">
        <v>6</v>
      </c>
      <c r="C158" s="14" t="s">
        <v>6</v>
      </c>
      <c r="D158" s="14" t="s">
        <v>6</v>
      </c>
      <c r="E158" s="14" t="s">
        <v>6</v>
      </c>
      <c r="F158" s="14" t="s">
        <v>6</v>
      </c>
      <c r="G158" s="15">
        <v>276</v>
      </c>
      <c r="H158" s="15">
        <v>271</v>
      </c>
      <c r="I158" s="15">
        <v>290</v>
      </c>
      <c r="J158" s="15">
        <v>297</v>
      </c>
      <c r="K158" s="15">
        <v>299</v>
      </c>
      <c r="L158" s="15">
        <v>299</v>
      </c>
      <c r="M158" s="15">
        <v>295</v>
      </c>
      <c r="N158" s="15">
        <v>292</v>
      </c>
      <c r="O158" s="15">
        <v>303</v>
      </c>
      <c r="P158" s="15">
        <v>292</v>
      </c>
      <c r="Q158" s="15">
        <v>288</v>
      </c>
    </row>
    <row r="159" spans="1:17" ht="21.75" customHeight="1" x14ac:dyDescent="0.15">
      <c r="A159" s="6" t="s">
        <v>57</v>
      </c>
      <c r="B159" s="16" t="s">
        <v>6</v>
      </c>
      <c r="C159" s="16" t="s">
        <v>6</v>
      </c>
      <c r="D159" s="16" t="s">
        <v>6</v>
      </c>
      <c r="E159" s="16" t="s">
        <v>6</v>
      </c>
      <c r="F159" s="16" t="s">
        <v>6</v>
      </c>
      <c r="G159" s="17">
        <v>956</v>
      </c>
      <c r="H159" s="17">
        <v>888</v>
      </c>
      <c r="I159" s="17">
        <v>803</v>
      </c>
      <c r="J159" s="17">
        <v>739</v>
      </c>
      <c r="K159" s="17">
        <v>715</v>
      </c>
      <c r="L159" s="17">
        <v>704</v>
      </c>
      <c r="M159" s="17">
        <v>686</v>
      </c>
      <c r="N159" s="17">
        <v>656</v>
      </c>
      <c r="O159" s="17">
        <v>653</v>
      </c>
      <c r="P159" s="17">
        <v>625</v>
      </c>
      <c r="Q159" s="17">
        <v>594</v>
      </c>
    </row>
    <row r="160" spans="1:17" s="5" customFormat="1" ht="21.75" customHeight="1" x14ac:dyDescent="0.15">
      <c r="A160" s="24"/>
      <c r="B160" s="25"/>
      <c r="C160" s="25"/>
      <c r="D160" s="25"/>
      <c r="E160" s="25"/>
      <c r="F160" s="25"/>
      <c r="G160" s="25"/>
      <c r="H160" s="25"/>
      <c r="I160" s="25"/>
      <c r="J160" s="25"/>
      <c r="K160" s="25"/>
      <c r="L160" s="25"/>
      <c r="M160" s="25"/>
      <c r="N160" s="25"/>
      <c r="O160" s="25"/>
      <c r="P160" s="26"/>
      <c r="Q160" s="26"/>
    </row>
    <row r="161" spans="1:20" s="5" customFormat="1" ht="21.75" customHeight="1" x14ac:dyDescent="0.15">
      <c r="A161" s="27"/>
      <c r="B161" s="26"/>
      <c r="C161" s="26"/>
      <c r="D161" s="26"/>
      <c r="E161" s="26"/>
      <c r="F161" s="26"/>
      <c r="G161" s="26"/>
      <c r="H161" s="26"/>
      <c r="I161" s="26"/>
      <c r="J161" s="26"/>
      <c r="K161" s="26"/>
      <c r="L161" s="26"/>
      <c r="M161" s="26"/>
      <c r="N161" s="26"/>
      <c r="O161" s="26"/>
      <c r="P161" s="26"/>
      <c r="Q161" s="26"/>
    </row>
    <row r="162" spans="1:20" s="3" customFormat="1" ht="21.75" customHeight="1" x14ac:dyDescent="0.15">
      <c r="A162" s="28" t="s">
        <v>33</v>
      </c>
      <c r="B162" s="29"/>
      <c r="C162" s="29"/>
      <c r="D162" s="29"/>
      <c r="E162" s="29"/>
      <c r="F162" s="29"/>
      <c r="G162" s="29"/>
      <c r="H162" s="29"/>
      <c r="I162" s="29"/>
      <c r="J162" s="29"/>
      <c r="K162" s="29"/>
      <c r="L162" s="29"/>
      <c r="M162" s="29"/>
      <c r="N162" s="29"/>
      <c r="O162" s="29"/>
      <c r="P162" s="30"/>
      <c r="Q162" s="30"/>
    </row>
    <row r="163" spans="1:20" s="5" customFormat="1" ht="21.75" customHeight="1" x14ac:dyDescent="0.15">
      <c r="A163" s="6" t="s">
        <v>1</v>
      </c>
      <c r="B163" s="6" t="s">
        <v>2</v>
      </c>
      <c r="C163" s="6">
        <v>60</v>
      </c>
      <c r="D163" s="6" t="s">
        <v>3</v>
      </c>
      <c r="E163" s="6">
        <v>7</v>
      </c>
      <c r="F163" s="6">
        <v>12</v>
      </c>
      <c r="G163" s="6">
        <v>17</v>
      </c>
      <c r="H163" s="6">
        <v>22</v>
      </c>
      <c r="I163" s="6">
        <v>27</v>
      </c>
      <c r="J163" s="6">
        <v>30</v>
      </c>
      <c r="K163" s="6" t="s">
        <v>4</v>
      </c>
      <c r="L163" s="6">
        <v>2</v>
      </c>
      <c r="M163" s="6">
        <v>3</v>
      </c>
      <c r="N163" s="6">
        <v>4</v>
      </c>
      <c r="O163" s="6">
        <v>5</v>
      </c>
      <c r="P163" s="6">
        <v>6</v>
      </c>
      <c r="Q163" s="6">
        <v>7</v>
      </c>
    </row>
    <row r="164" spans="1:20" ht="21.75" customHeight="1" x14ac:dyDescent="0.15">
      <c r="A164" s="7" t="s">
        <v>29</v>
      </c>
      <c r="B164" s="31" t="s">
        <v>6</v>
      </c>
      <c r="C164" s="31" t="s">
        <v>6</v>
      </c>
      <c r="D164" s="31" t="s">
        <v>6</v>
      </c>
      <c r="E164" s="31" t="s">
        <v>6</v>
      </c>
      <c r="F164" s="31" t="s">
        <v>6</v>
      </c>
      <c r="G164" s="42">
        <v>11</v>
      </c>
      <c r="H164" s="42">
        <v>9.8000000000000007</v>
      </c>
      <c r="I164" s="42">
        <v>9.8000000000000007</v>
      </c>
      <c r="J164" s="42">
        <v>8.6999999999999993</v>
      </c>
      <c r="K164" s="42">
        <v>8.8000000000000007</v>
      </c>
      <c r="L164" s="42">
        <v>7.8</v>
      </c>
      <c r="M164" s="42">
        <v>7.6</v>
      </c>
      <c r="N164" s="42">
        <v>7.2</v>
      </c>
      <c r="O164" s="42">
        <v>7</v>
      </c>
      <c r="P164" s="42">
        <v>6.7</v>
      </c>
      <c r="Q164" s="42">
        <v>5.6</v>
      </c>
    </row>
    <row r="165" spans="1:20" ht="21.75" customHeight="1" x14ac:dyDescent="0.15">
      <c r="A165" s="10" t="s">
        <v>30</v>
      </c>
      <c r="B165" s="33" t="s">
        <v>6</v>
      </c>
      <c r="C165" s="33" t="s">
        <v>6</v>
      </c>
      <c r="D165" s="33" t="s">
        <v>6</v>
      </c>
      <c r="E165" s="33" t="s">
        <v>6</v>
      </c>
      <c r="F165" s="33" t="s">
        <v>6</v>
      </c>
      <c r="G165" s="43">
        <v>60.1</v>
      </c>
      <c r="H165" s="43">
        <v>59.7</v>
      </c>
      <c r="I165" s="43">
        <v>54</v>
      </c>
      <c r="J165" s="43">
        <v>51.2</v>
      </c>
      <c r="K165" s="43">
        <v>49.4</v>
      </c>
      <c r="L165" s="43">
        <v>49.7</v>
      </c>
      <c r="M165" s="43">
        <v>49.4</v>
      </c>
      <c r="N165" s="43">
        <v>48.3</v>
      </c>
      <c r="O165" s="43">
        <v>46.6</v>
      </c>
      <c r="P165" s="43">
        <v>46.6</v>
      </c>
      <c r="Q165" s="43">
        <v>46</v>
      </c>
    </row>
    <row r="166" spans="1:20" ht="21.75" customHeight="1" x14ac:dyDescent="0.15">
      <c r="A166" s="13" t="s">
        <v>31</v>
      </c>
      <c r="B166" s="35" t="s">
        <v>6</v>
      </c>
      <c r="C166" s="35" t="s">
        <v>6</v>
      </c>
      <c r="D166" s="35" t="s">
        <v>6</v>
      </c>
      <c r="E166" s="35" t="s">
        <v>6</v>
      </c>
      <c r="F166" s="35" t="s">
        <v>6</v>
      </c>
      <c r="G166" s="44">
        <v>28.9</v>
      </c>
      <c r="H166" s="44">
        <v>30.5</v>
      </c>
      <c r="I166" s="44">
        <v>36.1</v>
      </c>
      <c r="J166" s="44">
        <v>40.200000000000003</v>
      </c>
      <c r="K166" s="44">
        <v>41.8</v>
      </c>
      <c r="L166" s="44">
        <v>42.5</v>
      </c>
      <c r="M166" s="44">
        <v>43</v>
      </c>
      <c r="N166" s="44">
        <v>44.5</v>
      </c>
      <c r="O166" s="44">
        <v>46.4</v>
      </c>
      <c r="P166" s="44">
        <v>46.7</v>
      </c>
      <c r="Q166" s="44">
        <v>48.5</v>
      </c>
    </row>
    <row r="167" spans="1:20" ht="21.75" customHeight="1" x14ac:dyDescent="0.15">
      <c r="A167" s="37" t="s">
        <v>34</v>
      </c>
      <c r="B167" s="4"/>
      <c r="C167" s="4"/>
      <c r="D167" s="4"/>
      <c r="E167" s="4"/>
      <c r="F167" s="4"/>
      <c r="G167" s="4"/>
      <c r="H167" s="4"/>
      <c r="I167" s="4"/>
      <c r="J167" s="4"/>
      <c r="K167" s="4"/>
      <c r="L167" s="4"/>
      <c r="M167" s="4"/>
      <c r="N167" s="4"/>
      <c r="O167" s="5"/>
      <c r="P167" s="5"/>
      <c r="Q167" s="5"/>
      <c r="R167" s="5"/>
      <c r="S167" s="5"/>
      <c r="T167" s="5"/>
    </row>
    <row r="168" spans="1:20" ht="23.25" customHeight="1" x14ac:dyDescent="0.15">
      <c r="A168" s="39"/>
      <c r="B168" s="39"/>
      <c r="C168" s="39"/>
      <c r="D168" s="39"/>
      <c r="E168" s="39"/>
      <c r="F168" s="39"/>
      <c r="G168" s="39"/>
      <c r="H168" s="39"/>
      <c r="I168" s="39"/>
      <c r="J168" s="39"/>
      <c r="K168" s="39"/>
      <c r="L168" s="39"/>
      <c r="M168" s="39"/>
      <c r="N168" s="39"/>
      <c r="O168" s="39"/>
      <c r="P168" s="39"/>
      <c r="Q168" s="39"/>
      <c r="R168" s="39"/>
      <c r="S168" s="39"/>
      <c r="T168" s="39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０５０１山田南部</vt:lpstr>
      <vt:lpstr>０５０２山田中部</vt:lpstr>
      <vt:lpstr>０５０３山田西部</vt:lpstr>
      <vt:lpstr>０５０４山田東部</vt:lpstr>
      <vt:lpstr>山田地域計</vt:lpstr>
      <vt:lpstr>'０５０１山田南部'!Print_Area</vt:lpstr>
      <vt:lpstr>'０５０２山田中部'!Print_Area</vt:lpstr>
      <vt:lpstr>'０５０３山田西部'!Print_Area</vt:lpstr>
      <vt:lpstr>'０５０４山田東部'!Print_Area</vt:lpstr>
      <vt:lpstr>山田地域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2-12T02:00:02Z</dcterms:created>
  <dcterms:modified xsi:type="dcterms:W3CDTF">2026-02-18T23:56:19Z</dcterms:modified>
</cp:coreProperties>
</file>